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52032F2D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CE4164">
        <w:rPr>
          <w:rFonts w:ascii="Arial" w:hAnsi="Arial" w:cs="Arial"/>
          <w:sz w:val="40"/>
          <w:szCs w:val="40"/>
        </w:rPr>
        <w:t>BMS A/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CE4164">
        <w:rPr>
          <w:rFonts w:ascii="Arial" w:hAnsi="Arial" w:cs="Arial"/>
          <w:sz w:val="40"/>
          <w:szCs w:val="40"/>
        </w:rPr>
        <w:t>Stenholm 6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CE4164">
        <w:rPr>
          <w:rFonts w:ascii="Arial" w:hAnsi="Arial" w:cs="Arial"/>
          <w:sz w:val="40"/>
          <w:szCs w:val="40"/>
        </w:rPr>
        <w:t>940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CE4164">
        <w:rPr>
          <w:rFonts w:ascii="Arial" w:hAnsi="Arial" w:cs="Arial"/>
          <w:sz w:val="40"/>
          <w:szCs w:val="40"/>
        </w:rPr>
        <w:t>Nørresundby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5F359FCC" w:rsidR="00EC6E6D" w:rsidRPr="00245E8B" w:rsidRDefault="00CE4164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04.10.2017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16BA4A3C" w:rsidR="00EC6E6D" w:rsidRPr="00245E8B" w:rsidRDefault="00CE4164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05BF4B59" w:rsidR="00EC6E6D" w:rsidRPr="00245E8B" w:rsidRDefault="00CE4164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177433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1EDF3FDC" w:rsidR="00EC6E6D" w:rsidRPr="00245E8B" w:rsidRDefault="00CE4164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58145912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03BE9C6B" w:rsidR="00EC6E6D" w:rsidRPr="00245E8B" w:rsidRDefault="00CE4164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serviceaal@bms.dk; krk@bms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42836653" w:rsidR="00EC6E6D" w:rsidRPr="00245E8B" w:rsidRDefault="00CE4164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03089855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274035C5" w:rsidR="00EC6E6D" w:rsidRPr="00F94A99" w:rsidRDefault="00CE4164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H5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Garageanlæg &gt; 3 stk.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5459DCED" w:rsidR="00EC6E6D" w:rsidRPr="00F94A99" w:rsidRDefault="00CE4164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  <w:r>
              <w:rPr>
                <w:rFonts w:ascii="Arial" w:hAnsi="Arial" w:cs="Arial"/>
                <w:sz w:val="22"/>
                <w:szCs w:val="22"/>
              </w:rPr>
              <w:t>26.10.1987</w:t>
            </w:r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4D408C3D" w:rsidR="004D6D3B" w:rsidRPr="00B93A39" w:rsidRDefault="00CE4164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  <w:r>
              <w:rPr>
                <w:rFonts w:ascii="Arial" w:hAnsi="Arial" w:cs="Arial"/>
                <w:sz w:val="20"/>
                <w:szCs w:val="20"/>
              </w:rPr>
              <w:t>21-02-2024</w:t>
            </w:r>
          </w:p>
        </w:tc>
        <w:tc>
          <w:tcPr>
            <w:tcW w:w="1134" w:type="dxa"/>
          </w:tcPr>
          <w:p w14:paraId="240C7CBB" w14:textId="4050F0DA" w:rsidR="004D6D3B" w:rsidRPr="00B93A39" w:rsidRDefault="00CE4164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Start w:id="18" w:name="ind_enforce_enforce_date_2"/>
            <w:bookmarkEnd w:id="17"/>
            <w:bookmarkEnd w:id="18"/>
            <w:r>
              <w:rPr>
                <w:rFonts w:ascii="Arial" w:hAnsi="Arial" w:cs="Arial"/>
                <w:sz w:val="20"/>
                <w:szCs w:val="20"/>
              </w:rPr>
              <w:t>Henstilling</w:t>
            </w:r>
          </w:p>
        </w:tc>
        <w:tc>
          <w:tcPr>
            <w:tcW w:w="1417" w:type="dxa"/>
          </w:tcPr>
          <w:p w14:paraId="0E19DDC4" w14:textId="7C34BC39" w:rsidR="004D6D3B" w:rsidRPr="00B93A39" w:rsidRDefault="00CE4164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" w:name="ind_enforce_enforce_date_3"/>
            <w:bookmarkEnd w:id="19"/>
            <w:r>
              <w:rPr>
                <w:rFonts w:ascii="Arial" w:hAnsi="Arial" w:cs="Arial"/>
                <w:sz w:val="20"/>
                <w:szCs w:val="20"/>
              </w:rPr>
              <w:t>Andre forhold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5DFD0B98" w14:textId="77777777" w:rsidR="00CE4164" w:rsidRDefault="00CE4164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" w:name="ind_enforce_comments"/>
            <w:bookmarkStart w:id="21" w:name="ind_enforce_enforce_date_4"/>
            <w:bookmarkEnd w:id="20"/>
            <w:bookmarkEnd w:id="21"/>
            <w:r>
              <w:rPr>
                <w:rFonts w:ascii="Arial" w:hAnsi="Arial" w:cs="Arial"/>
                <w:sz w:val="20"/>
                <w:szCs w:val="20"/>
              </w:rPr>
              <w:t>Dokumentation for pejling af dieseltank</w:t>
            </w:r>
          </w:p>
          <w:p w14:paraId="12B05141" w14:textId="77777777" w:rsidR="00CE4164" w:rsidRDefault="00CE4164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115D54CA" w14:textId="1129E1C4" w:rsidR="004D6D3B" w:rsidRPr="00B93A39" w:rsidRDefault="00CE4164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rykkes for at komme med de krævede oplysninger senest den 1. december 2024</w:t>
            </w:r>
          </w:p>
        </w:tc>
      </w:tr>
      <w:tr w:rsidR="004D6D3B" w:rsidRPr="00F94A99" w14:paraId="465F4E07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1054F08E" w14:textId="77777777" w:rsidR="004D6D3B" w:rsidRPr="00CE67CB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59D2359" w14:textId="77777777" w:rsidR="004D6D3B" w:rsidRPr="00CE67CB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1861C3CF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79A191B2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209257DE" w14:textId="77777777" w:rsidR="00CE4164" w:rsidRDefault="00CE4164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descr_process"/>
            <w:bookmarkEnd w:id="22"/>
            <w:r>
              <w:rPr>
                <w:rFonts w:ascii="Arial" w:hAnsi="Arial" w:cs="Arial"/>
                <w:sz w:val="20"/>
                <w:szCs w:val="20"/>
              </w:rPr>
              <w:t>Virksomheden udlejer mobile kraner og servicerer egne maskiner. På adressen Stenholm 6 er der en kontorbygning, et værksted til service af egne maskiner, et lager/lift-garage og en vaskeplads. Herudover bruges pladsen længst væk fra Stenholm til opbevaring af diverse maskiner og materialer.</w:t>
            </w:r>
          </w:p>
          <w:p w14:paraId="581C62D7" w14:textId="090504B5"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kl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product_area"/>
            <w:bookmarkEnd w:id="23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employee_prod"/>
            <w:bookmarkEnd w:id="24"/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167D44C5" w:rsidR="00EC6E6D" w:rsidRPr="005D2D5F" w:rsidRDefault="00CE4164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descr_product_operating_time"/>
            <w:bookmarkEnd w:id="25"/>
            <w:r>
              <w:rPr>
                <w:rFonts w:ascii="Arial" w:hAnsi="Arial" w:cs="Arial"/>
                <w:sz w:val="20"/>
                <w:szCs w:val="20"/>
              </w:rPr>
              <w:t>7:00 - 15:30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" w:name="ind_descr_product_operating_time_sat"/>
            <w:bookmarkEnd w:id="26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descr_product_operating_time_sun"/>
            <w:bookmarkEnd w:id="27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" w:name="ind_env_control_code_env_control_name"/>
            <w:bookmarkEnd w:id="28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9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29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EE159C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655B862E" w:rsidR="00EC6E6D" w:rsidRPr="005D2D5F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" w:name="ind_control_items_control_item_name"/>
            <w:bookmarkEnd w:id="30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AA8D2" w14:textId="033774B9" w:rsidR="00EC6E6D" w:rsidRPr="005D2D5F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control_items_control_item_name_2"/>
            <w:bookmarkEnd w:id="31"/>
            <w:r>
              <w:rPr>
                <w:rFonts w:ascii="Arial" w:hAnsi="Arial" w:cs="Arial"/>
                <w:sz w:val="20"/>
                <w:szCs w:val="20"/>
              </w:rPr>
              <w:t xml:space="preserve">Ved sidste tilsyn blev der udarbejdet en rapport som beskriver udtag og afkast </w:t>
            </w:r>
          </w:p>
        </w:tc>
      </w:tr>
      <w:tr w:rsidR="00CE4164" w:rsidRPr="005D2D5F" w14:paraId="299A9BD7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EC5BF74" w14:textId="2B5958DB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" w:name="ind_control_items_control_item_name_3"/>
            <w:bookmarkEnd w:id="32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34E9AEE" w14:textId="1DB2838E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" w:name="ind_control_items_control_item_name_4"/>
            <w:bookmarkEnd w:id="33"/>
            <w:r>
              <w:rPr>
                <w:rFonts w:ascii="Arial" w:hAnsi="Arial" w:cs="Arial"/>
                <w:sz w:val="20"/>
                <w:szCs w:val="20"/>
              </w:rPr>
              <w:t xml:space="preserve">I forbindelse med tilsynet i 2008 blev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fkasen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orhøjet for svejserøg, udstødningsgas og vaskemaskinen til 2 meter.</w:t>
            </w:r>
          </w:p>
        </w:tc>
      </w:tr>
      <w:tr w:rsidR="00CE4164" w:rsidRPr="005D2D5F" w14:paraId="4F4B0F59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5B2F66A" w14:textId="0D989B62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control_items_control_item_name_5"/>
            <w:bookmarkEnd w:id="34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DA43325" w14:textId="328DAE1B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control_items_control_item_name_6"/>
            <w:bookmarkEnd w:id="35"/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</w:p>
        </w:tc>
      </w:tr>
      <w:tr w:rsidR="00CE4164" w:rsidRPr="005D2D5F" w14:paraId="5BE3D6AE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DC0BB40" w14:textId="4EAFB491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control_items_control_item_name_7"/>
            <w:bookmarkEnd w:id="36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5DC34D6" w14:textId="45AEF2F8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" w:name="ind_control_items_control_item_name_8"/>
            <w:bookmarkEnd w:id="37"/>
            <w:r>
              <w:rPr>
                <w:rFonts w:ascii="Arial" w:hAnsi="Arial" w:cs="Arial"/>
                <w:sz w:val="20"/>
                <w:szCs w:val="20"/>
              </w:rPr>
              <w:t xml:space="preserve">Der er ingen filteranlæg. </w:t>
            </w:r>
          </w:p>
        </w:tc>
      </w:tr>
      <w:tr w:rsidR="00CE4164" w:rsidRPr="005D2D5F" w14:paraId="5F01A034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57C072C" w14:textId="5C6BE193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control_items_control_item_name_9"/>
            <w:bookmarkEnd w:id="38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22C0D29" w14:textId="31B9B9D1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" w:name="ind_control_items_control_item_name_10"/>
            <w:bookmarkEnd w:id="39"/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40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40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CE4164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5ABC8A56" w14:textId="3D1A529B" w:rsidR="00EC6E6D" w:rsidRPr="005D2D5F" w:rsidRDefault="00CE4164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1" w:name="ind_noise_noise_id"/>
            <w:bookmarkEnd w:id="41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E13DF9C" w14:textId="35DFC952" w:rsidR="00EC6E6D" w:rsidRPr="005D2D5F" w:rsidRDefault="00CE4164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" w:name="ind_noise_noise_id_2"/>
            <w:bookmarkEnd w:id="42"/>
            <w:r>
              <w:rPr>
                <w:rFonts w:ascii="Arial" w:hAnsi="Arial" w:cs="Arial"/>
                <w:sz w:val="20"/>
                <w:szCs w:val="20"/>
              </w:rPr>
              <w:t>Kompressor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3" w:name="ind_noise_noise_id_3"/>
            <w:bookmarkEnd w:id="43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4" w:name="ind_noise_noise_id_4"/>
            <w:bookmarkEnd w:id="44"/>
          </w:p>
        </w:tc>
      </w:tr>
      <w:tr w:rsidR="00CE4164" w:rsidRPr="005D2D5F" w14:paraId="15C65112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987DE32" w14:textId="7420DE37" w:rsidR="00CE4164" w:rsidRDefault="00CE4164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5" w:name="ind_noise_noise_id_5"/>
            <w:bookmarkEnd w:id="45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C63EF04" w14:textId="2BF9CECB" w:rsidR="00CE4164" w:rsidRDefault="00CE4164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6" w:name="ind_noise_noise_id_6"/>
            <w:bookmarkEnd w:id="46"/>
            <w:r>
              <w:rPr>
                <w:rFonts w:ascii="Arial" w:hAnsi="Arial" w:cs="Arial"/>
                <w:sz w:val="20"/>
                <w:szCs w:val="20"/>
              </w:rPr>
              <w:t>Ventilation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0D557E8" w14:textId="77777777" w:rsidR="00CE4164" w:rsidRPr="005D2D5F" w:rsidRDefault="00CE4164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7" w:name="ind_noise_noise_id_7"/>
            <w:bookmarkEnd w:id="47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1399FE88" w14:textId="77777777" w:rsidR="00CE4164" w:rsidRPr="005D2D5F" w:rsidRDefault="00CE4164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064FC459" w:rsidR="00EC6E6D" w:rsidRPr="005D2D5F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X2"/>
            <w:bookmarkEnd w:id="48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2D67C31" w14:textId="77777777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X2_2"/>
            <w:bookmarkEnd w:id="49"/>
            <w:r>
              <w:rPr>
                <w:rFonts w:ascii="Arial" w:hAnsi="Arial" w:cs="Arial"/>
                <w:sz w:val="20"/>
                <w:szCs w:val="20"/>
              </w:rPr>
              <w:t>Virksomheden har købt en ny kompressor, som ikke larmer ret meget. Kompressoren står i lagerhal.</w:t>
            </w:r>
          </w:p>
          <w:p w14:paraId="1E9CFE0F" w14:textId="59675158" w:rsidR="00EC6E6D" w:rsidRPr="005D2D5F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Nabovirksomheden, Stena, er den dominerende støjkilde i området.</w:t>
            </w:r>
          </w:p>
        </w:tc>
      </w:tr>
      <w:tr w:rsidR="00CE4164" w:rsidRPr="005D2D5F" w14:paraId="5DBB323A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EEBF522" w14:textId="7182B5E1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X2_3"/>
            <w:bookmarkEnd w:id="50"/>
            <w:r>
              <w:rPr>
                <w:rFonts w:ascii="Arial" w:hAnsi="Arial" w:cs="Arial"/>
                <w:sz w:val="20"/>
                <w:szCs w:val="20"/>
              </w:rPr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D27DFA2" w14:textId="3E887EA3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X2_4"/>
            <w:bookmarkEnd w:id="51"/>
            <w:r>
              <w:rPr>
                <w:rFonts w:ascii="Arial" w:hAnsi="Arial" w:cs="Arial"/>
                <w:sz w:val="20"/>
                <w:szCs w:val="20"/>
              </w:rPr>
              <w:t>De indendørs støjkilder er diverse maskiner på værkstedet (drejebænk, bor m.v.) og støj fra kranerne.</w:t>
            </w:r>
          </w:p>
        </w:tc>
      </w:tr>
      <w:tr w:rsidR="00CE4164" w:rsidRPr="005D2D5F" w14:paraId="644F9C60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0E5199C" w14:textId="5D2EF66D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2" w:name="ind_control_items_control_item_nameX2_5"/>
            <w:bookmarkEnd w:id="52"/>
            <w:r>
              <w:rPr>
                <w:rFonts w:ascii="Arial" w:hAnsi="Arial" w:cs="Arial"/>
                <w:sz w:val="20"/>
                <w:szCs w:val="20"/>
              </w:rPr>
              <w:lastRenderedPageBreak/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01442B3" w14:textId="6DB08E7C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X2_6"/>
            <w:bookmarkEnd w:id="53"/>
            <w:r>
              <w:rPr>
                <w:rFonts w:ascii="Arial" w:hAnsi="Arial" w:cs="Arial"/>
                <w:sz w:val="20"/>
                <w:szCs w:val="20"/>
              </w:rPr>
              <w:t xml:space="preserve">De udendørs støjkilder er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damhedvaskeren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CE4164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13848DA" w14:textId="670AF998" w:rsidR="00EC6E6D" w:rsidRPr="005D2D5F" w:rsidRDefault="00CE4164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4" w:name="ind_w_water_amount_permission_id"/>
            <w:bookmarkEnd w:id="54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74FB7C0" w14:textId="2B16287E" w:rsidR="00EC6E6D" w:rsidRPr="005D2D5F" w:rsidRDefault="00CE4164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5" w:name="ind_w_water_amount_permission_id_2"/>
            <w:bookmarkEnd w:id="55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8491198" w14:textId="0C1C2F4F" w:rsidR="00EC6E6D" w:rsidRPr="005D2D5F" w:rsidRDefault="00CE4164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56" w:name="ind_w_water_amount_permission_id_3"/>
            <w:bookmarkEnd w:id="56"/>
            <w:r>
              <w:rPr>
                <w:rFonts w:ascii="Arial" w:hAnsi="Arial" w:cs="Arial"/>
                <w:sz w:val="20"/>
                <w:szCs w:val="20"/>
              </w:rPr>
              <w:t>Overfladevan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7" w:name="ind_w_water_amount_permission_id_4"/>
            <w:bookmarkEnd w:id="57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8" w:name="ind_w_water_amount_permission_id_5"/>
            <w:bookmarkEnd w:id="58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9" w:name="ind_w_water_amount_permission_id_6"/>
            <w:bookmarkEnd w:id="59"/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8B0D0B2" w14:textId="304FB2C1" w:rsidR="00EC6E6D" w:rsidRPr="005D2D5F" w:rsidRDefault="00CE4164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60" w:name="ind_w_water_amount_permission_id_7"/>
            <w:bookmarkEnd w:id="60"/>
            <w:r>
              <w:rPr>
                <w:rFonts w:ascii="Arial" w:hAnsi="Arial" w:cs="Arial"/>
                <w:sz w:val="20"/>
                <w:szCs w:val="20"/>
              </w:rPr>
              <w:t>Olieudskiller</w:t>
            </w:r>
          </w:p>
        </w:tc>
      </w:tr>
      <w:tr w:rsidR="00CE4164" w:rsidRPr="005D2D5F" w14:paraId="144666DB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8BAD6B4" w14:textId="6BE49F52" w:rsidR="00CE4164" w:rsidRDefault="00CE4164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1" w:name="ind_w_water_amount_permission_id_8"/>
            <w:bookmarkEnd w:id="61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2CB9128" w14:textId="3CC0FCBC" w:rsidR="00CE4164" w:rsidRDefault="00CE4164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2" w:name="ind_w_water_amount_permission_id_9"/>
            <w:bookmarkEnd w:id="6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68C763D" w14:textId="52AC7A28" w:rsidR="00CE4164" w:rsidRDefault="00CE4164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63" w:name="ind_w_water_amount_permission_id_10"/>
            <w:bookmarkEnd w:id="63"/>
            <w:r>
              <w:rPr>
                <w:rFonts w:ascii="Arial" w:hAnsi="Arial" w:cs="Arial"/>
                <w:sz w:val="20"/>
                <w:szCs w:val="20"/>
              </w:rPr>
              <w:t>Overfladevan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0B94F" w14:textId="77777777" w:rsidR="00CE4164" w:rsidRPr="005D2D5F" w:rsidRDefault="00CE4164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4" w:name="ind_w_water_amount_permission_id_11"/>
            <w:bookmarkEnd w:id="64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F1D98D" w14:textId="77777777" w:rsidR="00CE4164" w:rsidRPr="005D2D5F" w:rsidRDefault="00CE4164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5" w:name="ind_w_water_amount_permission_id_12"/>
            <w:bookmarkEnd w:id="65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3C57F" w14:textId="77777777" w:rsidR="00CE4164" w:rsidRPr="005D2D5F" w:rsidRDefault="00CE4164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" w:name="ind_w_water_amount_permission_id_13"/>
            <w:bookmarkEnd w:id="66"/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B2C79B9" w14:textId="3DD743C5" w:rsidR="00CE4164" w:rsidRDefault="00CE4164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67" w:name="ind_w_water_amount_permission_id_14"/>
            <w:bookmarkEnd w:id="67"/>
            <w:r>
              <w:rPr>
                <w:rFonts w:ascii="Arial" w:hAnsi="Arial" w:cs="Arial"/>
                <w:sz w:val="20"/>
                <w:szCs w:val="20"/>
              </w:rPr>
              <w:t>Olieudskiller</w:t>
            </w: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2957118D" w:rsidR="00EC6E6D" w:rsidRPr="005D2D5F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8" w:name="ind_control_items_control_item_nameX3"/>
            <w:bookmarkEnd w:id="68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7921269" w14:textId="0C491449" w:rsidR="00EC6E6D" w:rsidRPr="005D2D5F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9" w:name="ind_control_items_control_item_nameX3_2"/>
            <w:bookmarkEnd w:id="69"/>
            <w:r>
              <w:rPr>
                <w:rFonts w:ascii="Arial" w:hAnsi="Arial" w:cs="Arial"/>
                <w:sz w:val="20"/>
                <w:szCs w:val="20"/>
              </w:rPr>
              <w:t xml:space="preserve">Vand fra vaskepladsen og vand fra tankpladsen </w:t>
            </w:r>
          </w:p>
        </w:tc>
      </w:tr>
      <w:tr w:rsidR="00CE4164" w:rsidRPr="005D2D5F" w14:paraId="17ECCC85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964CE63" w14:textId="726EC907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0" w:name="ind_control_items_control_item_nameX3_3"/>
            <w:bookmarkEnd w:id="70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F9D7BDD" w14:textId="77777777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control_items_control_item_nameX3_4"/>
            <w:bookmarkEnd w:id="71"/>
            <w:r>
              <w:rPr>
                <w:rFonts w:ascii="Arial" w:hAnsi="Arial" w:cs="Arial"/>
                <w:sz w:val="20"/>
                <w:szCs w:val="20"/>
              </w:rPr>
              <w:t>Vaskepladsen er indrettet med plads til 2 biler. Det ene spor er med kørerampe og et afløb i bunden og det andet spor er med et sandfang. Begge vaskepladser er koblet på olieudskilleren ud for værkstedet ved Troldholm.</w:t>
            </w:r>
          </w:p>
          <w:p w14:paraId="4B4E5A58" w14:textId="24381FC8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også en olieudskiller ved tankpladsen.</w:t>
            </w:r>
          </w:p>
        </w:tc>
      </w:tr>
      <w:tr w:rsidR="00CE4164" w:rsidRPr="005D2D5F" w14:paraId="0B452F7B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B8D206A" w14:textId="783B3DEC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2" w:name="ind_control_items_control_item_nameX3_5"/>
            <w:bookmarkEnd w:id="72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0215EF8" w14:textId="13C38870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control_items_control_item_nameX3_6"/>
            <w:bookmarkEnd w:id="73"/>
            <w:r>
              <w:rPr>
                <w:rFonts w:ascii="Arial" w:hAnsi="Arial" w:cs="Arial"/>
                <w:sz w:val="20"/>
                <w:szCs w:val="20"/>
              </w:rPr>
              <w:t xml:space="preserve">Generelt vand fra befæstede arealer. </w:t>
            </w:r>
          </w:p>
        </w:tc>
      </w:tr>
      <w:tr w:rsidR="00CE4164" w:rsidRPr="005D2D5F" w14:paraId="163632B1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2770C3C" w14:textId="38437BAE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" w:name="ind_control_items_control_item_nameX3_7"/>
            <w:bookmarkEnd w:id="74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19EC23F" w14:textId="77777777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5" w:name="ind_control_items_control_item_nameX3_8"/>
            <w:bookmarkEnd w:id="75"/>
            <w:r>
              <w:rPr>
                <w:rFonts w:ascii="Arial" w:hAnsi="Arial" w:cs="Arial"/>
                <w:sz w:val="20"/>
                <w:szCs w:val="20"/>
              </w:rPr>
              <w:t>Separatkloakeret</w:t>
            </w:r>
          </w:p>
          <w:p w14:paraId="734A33DF" w14:textId="77777777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agvand ledes til regnvandsledning.</w:t>
            </w:r>
          </w:p>
          <w:p w14:paraId="4C1D2C38" w14:textId="428E972B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E4164" w:rsidRPr="005D2D5F" w14:paraId="456624B9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6654936" w14:textId="7A9BB9DA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6" w:name="ind_control_items_control_item_nameX3_9"/>
            <w:bookmarkEnd w:id="76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15C63EE" w14:textId="77777777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7" w:name="ind_control_items_control_item_nameX3_10"/>
            <w:bookmarkEnd w:id="77"/>
            <w:r>
              <w:rPr>
                <w:rFonts w:ascii="Arial" w:hAnsi="Arial" w:cs="Arial"/>
                <w:sz w:val="20"/>
                <w:szCs w:val="20"/>
              </w:rPr>
              <w:t xml:space="preserve">Vilkår om at vandforbruget maksimalt må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udgør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10 m3 pr. dag.</w:t>
            </w:r>
          </w:p>
          <w:p w14:paraId="26B6945B" w14:textId="50726199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andforbruget er faldet, og er i overensstemmelse med vilkåret 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ilslutnignstilladels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</w:t>
            </w:r>
          </w:p>
        </w:tc>
      </w:tr>
      <w:tr w:rsidR="00CE4164" w:rsidRPr="005D2D5F" w14:paraId="3CD2F168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BAD22C5" w14:textId="0383E53F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8" w:name="ind_control_items_control_item_nameX3_11"/>
            <w:bookmarkEnd w:id="78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C1BAD45" w14:textId="75FE59C8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9" w:name="ind_control_items_control_item_nameX3_12"/>
            <w:bookmarkEnd w:id="79"/>
            <w:r>
              <w:rPr>
                <w:rFonts w:ascii="Arial" w:hAnsi="Arial" w:cs="Arial"/>
                <w:sz w:val="20"/>
                <w:szCs w:val="20"/>
              </w:rPr>
              <w:t xml:space="preserve">Ingen egenkontrol </w:t>
            </w:r>
          </w:p>
        </w:tc>
      </w:tr>
      <w:tr w:rsidR="00CE4164" w:rsidRPr="005D2D5F" w14:paraId="359503C9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115EA40" w14:textId="30BF0ED0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0" w:name="ind_control_items_control_item_nameX3_13"/>
            <w:bookmarkEnd w:id="80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0C87749" w14:textId="2CA7FE68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control_items_control_item_nameX3_14"/>
            <w:bookmarkEnd w:id="81"/>
            <w:r>
              <w:rPr>
                <w:rFonts w:ascii="Arial" w:hAnsi="Arial" w:cs="Arial"/>
                <w:sz w:val="20"/>
                <w:szCs w:val="20"/>
              </w:rPr>
              <w:t xml:space="preserve">SF-sten </w:t>
            </w: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82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82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CE4164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5339A6F0" w:rsidR="00EC6E6D" w:rsidRPr="005D2D5F" w:rsidRDefault="00CE4164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3" w:name="ind_w_water_amount_idX2"/>
            <w:bookmarkEnd w:id="8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65C61BE1" w:rsidR="00EC6E6D" w:rsidRPr="005D2D5F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4" w:name="ind_w_water_amount_idX2_2"/>
            <w:bookmarkEnd w:id="84"/>
            <w:r>
              <w:rPr>
                <w:rFonts w:ascii="Arial" w:hAnsi="Arial" w:cs="Arial"/>
                <w:sz w:val="20"/>
                <w:szCs w:val="20"/>
              </w:rPr>
              <w:t>Overfladevand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center"/>
          </w:tcPr>
          <w:p w14:paraId="0BE99CEA" w14:textId="7C287DA5" w:rsidR="00EC6E6D" w:rsidRPr="005D2D5F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5" w:name="ind_w_water_amount_idX2_3"/>
            <w:bookmarkEnd w:id="85"/>
            <w:r>
              <w:rPr>
                <w:rFonts w:ascii="Arial" w:hAnsi="Arial" w:cs="Arial"/>
                <w:sz w:val="20"/>
                <w:szCs w:val="20"/>
              </w:rPr>
              <w:t>Ukendt olieudskiller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6" w:name="ind_w_water_amount_idX2_4"/>
            <w:bookmarkEnd w:id="86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7" w:name="ind_w_water_amount_idX2_5"/>
            <w:bookmarkEnd w:id="87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8" w:name="ind_w_water_amount_idX2_6"/>
            <w:bookmarkEnd w:id="88"/>
          </w:p>
        </w:tc>
      </w:tr>
      <w:tr w:rsidR="00CE4164" w:rsidRPr="005D2D5F" w14:paraId="671275AD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19C6199" w14:textId="4A395C37" w:rsidR="00CE4164" w:rsidRDefault="00CE4164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9" w:name="ind_w_water_amount_idX2_7"/>
            <w:bookmarkEnd w:id="89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7590B3D" w14:textId="1593992D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0" w:name="ind_w_water_amount_idX2_8"/>
            <w:bookmarkEnd w:id="90"/>
            <w:r>
              <w:rPr>
                <w:rFonts w:ascii="Arial" w:hAnsi="Arial" w:cs="Arial"/>
                <w:sz w:val="20"/>
                <w:szCs w:val="20"/>
              </w:rPr>
              <w:t>Overfladevand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2E110924" w14:textId="5A681C1A" w:rsidR="00CE4164" w:rsidRDefault="00CE4164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w_water_amount_idX2_9"/>
            <w:bookmarkEnd w:id="91"/>
            <w:r>
              <w:rPr>
                <w:rFonts w:ascii="Arial" w:hAnsi="Arial" w:cs="Arial"/>
                <w:sz w:val="20"/>
                <w:szCs w:val="20"/>
              </w:rPr>
              <w:t>Ukendt olieudskiller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5E9865CB" w14:textId="77777777" w:rsidR="00CE4164" w:rsidRPr="005D2D5F" w:rsidRDefault="00CE4164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2" w:name="ind_w_water_amount_idX2_10"/>
            <w:bookmarkEnd w:id="92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7861409" w14:textId="77777777" w:rsidR="00CE4164" w:rsidRPr="005D2D5F" w:rsidRDefault="00CE4164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3" w:name="ind_w_water_amount_idX2_11"/>
            <w:bookmarkEnd w:id="93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0DBB5758" w14:textId="77777777" w:rsidR="00CE4164" w:rsidRPr="005D2D5F" w:rsidRDefault="00CE4164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43D7A224" w:rsidR="00EC6E6D" w:rsidRPr="00B93A39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4" w:name="ind_control_items_control_item_nameX4"/>
            <w:bookmarkEnd w:id="94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49EB977" w14:textId="4274080F" w:rsidR="00EC6E6D" w:rsidRPr="00B93A39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control_items_control_item_nameX4_2"/>
            <w:bookmarkEnd w:id="95"/>
            <w:r>
              <w:rPr>
                <w:rFonts w:ascii="Arial" w:hAnsi="Arial" w:cs="Arial"/>
                <w:sz w:val="20"/>
                <w:szCs w:val="20"/>
              </w:rPr>
              <w:t>Ja, 2 olietanke og 1 sandfang</w:t>
            </w:r>
          </w:p>
        </w:tc>
      </w:tr>
      <w:tr w:rsidR="00CE4164" w:rsidRPr="00F94A99" w14:paraId="1DFFAC90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D87D290" w14:textId="748BCE33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6" w:name="ind_control_items_control_item_nameX4_3"/>
            <w:bookmarkEnd w:id="96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D0EE75A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7" w:name="ind_control_items_control_item_nameX4_4"/>
            <w:bookmarkEnd w:id="97"/>
            <w:r>
              <w:rPr>
                <w:rFonts w:ascii="Arial" w:hAnsi="Arial" w:cs="Arial"/>
                <w:sz w:val="20"/>
                <w:szCs w:val="20"/>
              </w:rPr>
              <w:t xml:space="preserve">Skal tømmes efter behov jf.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ilslutnignstilladels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</w:t>
            </w:r>
          </w:p>
          <w:p w14:paraId="5EA5E99A" w14:textId="6FCE4A99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 xml:space="preserve">Der er aftale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.P.Jens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m tømning 3 gange årligt. Ved tilsynet blev der forevist dokumentation for tømning bl.a. den 19/1 2012, 19/4 2012 og 23/8 2012.</w:t>
            </w:r>
          </w:p>
        </w:tc>
      </w:tr>
      <w:tr w:rsidR="00CE4164" w:rsidRPr="00F94A99" w14:paraId="672F2CB7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6753AF" w14:textId="17D368B0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8" w:name="ind_control_items_control_item_nameX4_5"/>
            <w:bookmarkEnd w:id="98"/>
            <w:r>
              <w:rPr>
                <w:rFonts w:ascii="Arial" w:hAnsi="Arial" w:cs="Arial"/>
                <w:sz w:val="20"/>
                <w:szCs w:val="20"/>
              </w:rPr>
              <w:lastRenderedPageBreak/>
              <w:t>Udskiller, funktionsafprøvning af 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4ABF147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9" w:name="ind_control_items_control_item_nameX4_6"/>
            <w:bookmarkEnd w:id="99"/>
            <w:r>
              <w:rPr>
                <w:rFonts w:ascii="Arial" w:hAnsi="Arial" w:cs="Arial"/>
                <w:sz w:val="20"/>
                <w:szCs w:val="20"/>
              </w:rPr>
              <w:t>Alarm eller pejles mindst 1 gang pr. måned jf. tilslutningstilladelse. Virksomheden pejler ikke olieudskillerne og er ikke bekendt med en tilkoblet alarm.</w:t>
            </w:r>
          </w:p>
          <w:p w14:paraId="42022416" w14:textId="786B2E91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åfremt virksomheden opretholder aftale med S. P. Jensen eller tilsvarende godkendt affaldstransportør om tømning og eftersyn minimum 3 gange årligt, vurderes det, at virksomheden kan se bort fra vilkåret om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manuelt pejling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eller alarm.</w:t>
            </w:r>
          </w:p>
        </w:tc>
      </w:tr>
      <w:tr w:rsidR="00CE4164" w:rsidRPr="00F94A99" w14:paraId="5A3281B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85F0E85" w14:textId="5EA671E3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0" w:name="ind_control_items_control_item_nameX4_7"/>
            <w:bookmarkEnd w:id="100"/>
            <w:r>
              <w:rPr>
                <w:rFonts w:ascii="Arial" w:hAnsi="Arial" w:cs="Arial"/>
                <w:sz w:val="20"/>
                <w:szCs w:val="20"/>
              </w:rPr>
              <w:t>Udskillere, vilkår i 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1BCFC93" w14:textId="326C04B5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1" w:name="ind_control_items_control_item_nameX4_8"/>
            <w:bookmarkEnd w:id="101"/>
            <w:r>
              <w:rPr>
                <w:rFonts w:ascii="Arial" w:hAnsi="Arial" w:cs="Arial"/>
                <w:sz w:val="20"/>
                <w:szCs w:val="20"/>
              </w:rPr>
              <w:t xml:space="preserve">Passere et effektiv sand- og slamfang samt en effektiv olieudskiller med ikke under 2 timers opholdstid. Olieudskilleren e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udkend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02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102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297F05B5" w:rsidR="00984737" w:rsidRPr="00A1310D" w:rsidRDefault="00CE4164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3" w:name="ind_tank_ind_tank_id"/>
            <w:bookmarkEnd w:id="10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4" w:name="ind_tank_ind_tank_id_2"/>
            <w:bookmarkEnd w:id="104"/>
          </w:p>
        </w:tc>
        <w:tc>
          <w:tcPr>
            <w:tcW w:w="992" w:type="dxa"/>
          </w:tcPr>
          <w:p w14:paraId="4B37E611" w14:textId="090AC0EE" w:rsidR="00984737" w:rsidRPr="00A1310D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5" w:name="ind_tank_ind_tank_id_3"/>
            <w:bookmarkEnd w:id="105"/>
            <w:r>
              <w:rPr>
                <w:rFonts w:ascii="Arial" w:hAnsi="Arial" w:cs="Arial"/>
                <w:sz w:val="20"/>
                <w:szCs w:val="20"/>
              </w:rPr>
              <w:t>1976</w:t>
            </w:r>
          </w:p>
        </w:tc>
        <w:tc>
          <w:tcPr>
            <w:tcW w:w="1276" w:type="dxa"/>
          </w:tcPr>
          <w:p w14:paraId="3A81F9A3" w14:textId="7C982B92" w:rsidR="00984737" w:rsidRPr="00A1310D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6" w:name="ind_tank_ind_tank_id_4"/>
            <w:bookmarkEnd w:id="106"/>
            <w:r>
              <w:rPr>
                <w:rFonts w:ascii="Arial" w:hAnsi="Arial" w:cs="Arial"/>
                <w:sz w:val="20"/>
                <w:szCs w:val="20"/>
              </w:rPr>
              <w:t>Fyringsolie</w:t>
            </w:r>
          </w:p>
        </w:tc>
        <w:tc>
          <w:tcPr>
            <w:tcW w:w="851" w:type="dxa"/>
          </w:tcPr>
          <w:p w14:paraId="2752A56D" w14:textId="74CC7A52" w:rsidR="00984737" w:rsidRPr="00A1310D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7" w:name="ind_tank_ind_tank_id_5"/>
            <w:bookmarkEnd w:id="107"/>
            <w:r>
              <w:rPr>
                <w:rFonts w:ascii="Arial" w:hAnsi="Arial" w:cs="Arial"/>
                <w:sz w:val="20"/>
                <w:szCs w:val="20"/>
              </w:rPr>
              <w:t>4.000</w:t>
            </w:r>
          </w:p>
        </w:tc>
        <w:tc>
          <w:tcPr>
            <w:tcW w:w="1559" w:type="dxa"/>
          </w:tcPr>
          <w:p w14:paraId="28A11DD1" w14:textId="637D8669" w:rsidR="00984737" w:rsidRPr="00A1310D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8" w:name="ind_tank_ind_tank_id_6"/>
            <w:bookmarkEnd w:id="108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92" w:type="dxa"/>
          </w:tcPr>
          <w:p w14:paraId="48019EE3" w14:textId="619A5644" w:rsidR="00984737" w:rsidRPr="00A1310D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9" w:name="ind_tank_ind_tank_id_7"/>
            <w:bookmarkEnd w:id="109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0" w:name="ind_tank_ind_tank_id_8"/>
            <w:bookmarkEnd w:id="110"/>
          </w:p>
        </w:tc>
      </w:tr>
      <w:tr w:rsidR="00CE4164" w:rsidRPr="00A1310D" w14:paraId="3E9B9004" w14:textId="77777777" w:rsidTr="00433E90">
        <w:trPr>
          <w:cantSplit/>
          <w:trHeight w:val="113"/>
        </w:trPr>
        <w:tc>
          <w:tcPr>
            <w:tcW w:w="340" w:type="dxa"/>
          </w:tcPr>
          <w:p w14:paraId="1C36D944" w14:textId="70F0BCFF" w:rsidR="00CE4164" w:rsidRDefault="00CE4164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1" w:name="ind_tank_ind_tank_id_9"/>
            <w:bookmarkEnd w:id="111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992" w:type="dxa"/>
          </w:tcPr>
          <w:p w14:paraId="7F39CAC9" w14:textId="77777777" w:rsidR="00CE4164" w:rsidRPr="00A1310D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2" w:name="ind_tank_ind_tank_id_10"/>
            <w:bookmarkEnd w:id="112"/>
          </w:p>
        </w:tc>
        <w:tc>
          <w:tcPr>
            <w:tcW w:w="992" w:type="dxa"/>
          </w:tcPr>
          <w:p w14:paraId="67256CFD" w14:textId="5E8F70C8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3" w:name="ind_tank_ind_tank_id_11"/>
            <w:bookmarkEnd w:id="113"/>
            <w:r>
              <w:rPr>
                <w:rFonts w:ascii="Arial" w:hAnsi="Arial" w:cs="Arial"/>
                <w:sz w:val="20"/>
                <w:szCs w:val="20"/>
              </w:rPr>
              <w:t>1977</w:t>
            </w:r>
          </w:p>
        </w:tc>
        <w:tc>
          <w:tcPr>
            <w:tcW w:w="1276" w:type="dxa"/>
          </w:tcPr>
          <w:p w14:paraId="21D31C60" w14:textId="3FE68318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4" w:name="ind_tank_ind_tank_id_12"/>
            <w:bookmarkEnd w:id="114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851" w:type="dxa"/>
          </w:tcPr>
          <w:p w14:paraId="3AF44905" w14:textId="094012C7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5" w:name="ind_tank_ind_tank_id_13"/>
            <w:bookmarkEnd w:id="115"/>
            <w:r>
              <w:rPr>
                <w:rFonts w:ascii="Arial" w:hAnsi="Arial" w:cs="Arial"/>
                <w:sz w:val="20"/>
                <w:szCs w:val="20"/>
              </w:rPr>
              <w:t>15.000</w:t>
            </w:r>
          </w:p>
        </w:tc>
        <w:tc>
          <w:tcPr>
            <w:tcW w:w="1559" w:type="dxa"/>
          </w:tcPr>
          <w:p w14:paraId="48A21CDB" w14:textId="7A1D14B6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6" w:name="ind_tank_ind_tank_id_14"/>
            <w:bookmarkEnd w:id="116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92" w:type="dxa"/>
          </w:tcPr>
          <w:p w14:paraId="0E39E7CF" w14:textId="48B081B4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7" w:name="ind_tank_ind_tank_id_15"/>
            <w:bookmarkEnd w:id="117"/>
            <w:r>
              <w:rPr>
                <w:rFonts w:ascii="Arial" w:hAnsi="Arial" w:cs="Arial"/>
                <w:sz w:val="20"/>
                <w:szCs w:val="20"/>
              </w:rPr>
              <w:t>JA</w:t>
            </w:r>
          </w:p>
        </w:tc>
        <w:tc>
          <w:tcPr>
            <w:tcW w:w="2637" w:type="dxa"/>
          </w:tcPr>
          <w:p w14:paraId="5E7EB967" w14:textId="77777777" w:rsidR="00CE4164" w:rsidRPr="00A1310D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8" w:name="ind_tank_ind_tank_id_16"/>
            <w:bookmarkEnd w:id="118"/>
          </w:p>
        </w:tc>
      </w:tr>
      <w:tr w:rsidR="00CE4164" w:rsidRPr="00A1310D" w14:paraId="6C862095" w14:textId="77777777" w:rsidTr="00433E90">
        <w:trPr>
          <w:cantSplit/>
          <w:trHeight w:val="113"/>
        </w:trPr>
        <w:tc>
          <w:tcPr>
            <w:tcW w:w="340" w:type="dxa"/>
          </w:tcPr>
          <w:p w14:paraId="3633696E" w14:textId="709CF7A0" w:rsidR="00CE4164" w:rsidRDefault="00CE4164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9" w:name="ind_tank_ind_tank_id_17"/>
            <w:bookmarkEnd w:id="119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992" w:type="dxa"/>
          </w:tcPr>
          <w:p w14:paraId="6D606FA2" w14:textId="77777777" w:rsidR="00CE4164" w:rsidRPr="00A1310D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0" w:name="ind_tank_ind_tank_id_18"/>
            <w:bookmarkEnd w:id="120"/>
          </w:p>
        </w:tc>
        <w:tc>
          <w:tcPr>
            <w:tcW w:w="992" w:type="dxa"/>
          </w:tcPr>
          <w:p w14:paraId="27A78F6A" w14:textId="50D4ACEF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1" w:name="ind_tank_ind_tank_id_19"/>
            <w:bookmarkEnd w:id="121"/>
            <w:r>
              <w:rPr>
                <w:rFonts w:ascii="Arial" w:hAnsi="Arial" w:cs="Arial"/>
                <w:sz w:val="20"/>
                <w:szCs w:val="20"/>
              </w:rPr>
              <w:t>1972</w:t>
            </w:r>
          </w:p>
        </w:tc>
        <w:tc>
          <w:tcPr>
            <w:tcW w:w="1276" w:type="dxa"/>
          </w:tcPr>
          <w:p w14:paraId="6235AF32" w14:textId="09FB37C0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2" w:name="ind_tank_ind_tank_id_20"/>
            <w:bookmarkEnd w:id="122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851" w:type="dxa"/>
          </w:tcPr>
          <w:p w14:paraId="408EFB43" w14:textId="77777777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3" w:name="ind_tank_ind_tank_id_21"/>
            <w:bookmarkEnd w:id="123"/>
          </w:p>
        </w:tc>
        <w:tc>
          <w:tcPr>
            <w:tcW w:w="1559" w:type="dxa"/>
          </w:tcPr>
          <w:p w14:paraId="484A1AF9" w14:textId="05967BF2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4" w:name="ind_tank_ind_tank_id_22"/>
            <w:bookmarkEnd w:id="124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5DF98FEE" w14:textId="791DB96B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5" w:name="ind_tank_ind_tank_id_23"/>
            <w:bookmarkEnd w:id="125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4A13969F" w14:textId="77777777" w:rsidR="00CE4164" w:rsidRPr="00A1310D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6" w:name="ind_tank_ind_tank_id_24"/>
            <w:bookmarkEnd w:id="126"/>
          </w:p>
        </w:tc>
      </w:tr>
      <w:tr w:rsidR="00CE4164" w:rsidRPr="00A1310D" w14:paraId="3814C5BE" w14:textId="77777777" w:rsidTr="00433E90">
        <w:trPr>
          <w:cantSplit/>
          <w:trHeight w:val="113"/>
        </w:trPr>
        <w:tc>
          <w:tcPr>
            <w:tcW w:w="340" w:type="dxa"/>
          </w:tcPr>
          <w:p w14:paraId="3C65ABA1" w14:textId="0FF2E836" w:rsidR="00CE4164" w:rsidRDefault="00CE4164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7" w:name="ind_tank_ind_tank_id_25"/>
            <w:bookmarkEnd w:id="127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992" w:type="dxa"/>
          </w:tcPr>
          <w:p w14:paraId="23760852" w14:textId="77777777" w:rsidR="00CE4164" w:rsidRPr="00A1310D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8" w:name="ind_tank_ind_tank_id_26"/>
            <w:bookmarkEnd w:id="128"/>
          </w:p>
        </w:tc>
        <w:tc>
          <w:tcPr>
            <w:tcW w:w="992" w:type="dxa"/>
          </w:tcPr>
          <w:p w14:paraId="0229FA8C" w14:textId="74C31F74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9" w:name="ind_tank_ind_tank_id_27"/>
            <w:bookmarkEnd w:id="129"/>
            <w:r>
              <w:rPr>
                <w:rFonts w:ascii="Arial" w:hAnsi="Arial" w:cs="Arial"/>
                <w:sz w:val="20"/>
                <w:szCs w:val="20"/>
              </w:rPr>
              <w:t>1978</w:t>
            </w:r>
          </w:p>
        </w:tc>
        <w:tc>
          <w:tcPr>
            <w:tcW w:w="1276" w:type="dxa"/>
          </w:tcPr>
          <w:p w14:paraId="1F7D8EA6" w14:textId="7C9A9C0C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0" w:name="ind_tank_ind_tank_id_28"/>
            <w:bookmarkEnd w:id="130"/>
            <w:r>
              <w:rPr>
                <w:rFonts w:ascii="Arial" w:hAnsi="Arial" w:cs="Arial"/>
                <w:sz w:val="20"/>
                <w:szCs w:val="20"/>
              </w:rPr>
              <w:t>Fyringsolie</w:t>
            </w:r>
          </w:p>
        </w:tc>
        <w:tc>
          <w:tcPr>
            <w:tcW w:w="851" w:type="dxa"/>
          </w:tcPr>
          <w:p w14:paraId="2ED63C37" w14:textId="77777777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1" w:name="ind_tank_ind_tank_id_29"/>
            <w:bookmarkEnd w:id="131"/>
          </w:p>
        </w:tc>
        <w:tc>
          <w:tcPr>
            <w:tcW w:w="1559" w:type="dxa"/>
          </w:tcPr>
          <w:p w14:paraId="6BD0E684" w14:textId="526182C0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2" w:name="ind_tank_ind_tank_id_30"/>
            <w:bookmarkEnd w:id="132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48283C4E" w14:textId="01E1EC7A" w:rsidR="00CE4164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3" w:name="ind_tank_ind_tank_id_31"/>
            <w:bookmarkEnd w:id="133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4A9E5AF8" w14:textId="77777777" w:rsidR="00CE4164" w:rsidRPr="00A1310D" w:rsidRDefault="00CE4164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CE4164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DDE239" w14:textId="0EC6C3B2" w:rsidR="009750F4" w:rsidRPr="00A1310D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4" w:name="bbr_tech_inst_land_parcel_id"/>
            <w:bookmarkEnd w:id="134"/>
            <w:r>
              <w:rPr>
                <w:rFonts w:ascii="Arial" w:hAnsi="Arial" w:cs="Arial"/>
                <w:sz w:val="20"/>
                <w:szCs w:val="20"/>
              </w:rPr>
              <w:t>3dn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23C58EF" w14:textId="7A4E2C92" w:rsidR="009750F4" w:rsidRPr="00A1310D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5" w:name="bbr_tech_inst_land_parcel_id_2"/>
            <w:bookmarkEnd w:id="135"/>
            <w:r>
              <w:rPr>
                <w:rFonts w:ascii="Arial" w:hAnsi="Arial" w:cs="Arial"/>
                <w:sz w:val="20"/>
                <w:szCs w:val="20"/>
              </w:rPr>
              <w:t>1977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02C9374" w14:textId="2410E3FD" w:rsidR="009750F4" w:rsidRPr="00A1310D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6" w:name="bbr_tech_inst_land_parcel_id_3"/>
            <w:bookmarkEnd w:id="136"/>
            <w:r>
              <w:rPr>
                <w:rFonts w:ascii="Arial" w:hAnsi="Arial" w:cs="Arial"/>
                <w:sz w:val="20"/>
                <w:szCs w:val="20"/>
              </w:rPr>
              <w:t>225993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219FAE" w14:textId="370719A2" w:rsidR="009750F4" w:rsidRPr="00A1310D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7" w:name="bbr_tech_inst_land_parcel_id_4"/>
            <w:bookmarkEnd w:id="137"/>
            <w:r>
              <w:rPr>
                <w:rFonts w:ascii="Arial" w:hAnsi="Arial" w:cs="Arial"/>
                <w:sz w:val="20"/>
                <w:szCs w:val="20"/>
              </w:rPr>
              <w:t>1978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F7CE8C" w14:textId="266F2296" w:rsidR="009750F4" w:rsidRPr="00A1310D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8" w:name="bbr_tech_inst_land_parcel_id_5"/>
            <w:bookmarkEnd w:id="138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BB9FC2" w14:textId="108E99F4" w:rsidR="009750F4" w:rsidRPr="00A1310D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9" w:name="bbr_tech_inst_land_parcel_id_6"/>
            <w:bookmarkEnd w:id="139"/>
            <w:r>
              <w:rPr>
                <w:rFonts w:ascii="Arial" w:hAnsi="Arial" w:cs="Arial"/>
                <w:sz w:val="20"/>
                <w:szCs w:val="20"/>
              </w:rPr>
              <w:t>15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2ECB995" w14:textId="49B4E7BA" w:rsidR="009750F4" w:rsidRPr="00A1310D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0" w:name="bbr_tech_inst_land_parcel_id_7"/>
            <w:bookmarkEnd w:id="140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1" w:name="bbr_tech_inst_land_parcel_id_8"/>
            <w:bookmarkEnd w:id="14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7536AB7D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2" w:name="bbr_tech_inst_land_parcel_id_9"/>
            <w:bookmarkEnd w:id="142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D5DDBF6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3" w:name="bbr_tech_inst_land_parcel_id_10"/>
            <w:bookmarkEnd w:id="143"/>
          </w:p>
        </w:tc>
      </w:tr>
      <w:tr w:rsidR="00CE4164" w:rsidRPr="00A1310D" w14:paraId="3BB9E527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62F4BFDC" w14:textId="6598EB9F" w:rsidR="00CE4164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4" w:name="bbr_tech_inst_land_parcel_id_11"/>
            <w:bookmarkEnd w:id="144"/>
            <w:r>
              <w:rPr>
                <w:rFonts w:ascii="Arial" w:hAnsi="Arial" w:cs="Arial"/>
                <w:sz w:val="20"/>
                <w:szCs w:val="20"/>
              </w:rPr>
              <w:t>3dn</w:t>
            </w:r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62715700" w14:textId="36942687" w:rsidR="00CE4164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5" w:name="bbr_tech_inst_land_parcel_id_12"/>
            <w:bookmarkEnd w:id="145"/>
            <w:r>
              <w:rPr>
                <w:rFonts w:ascii="Arial" w:hAnsi="Arial" w:cs="Arial"/>
                <w:sz w:val="20"/>
                <w:szCs w:val="20"/>
              </w:rPr>
              <w:t>1972</w:t>
            </w: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31239369" w14:textId="77777777" w:rsidR="00CE4164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6" w:name="bbr_tech_inst_land_parcel_id_13"/>
            <w:bookmarkEnd w:id="146"/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3CDAF903" w14:textId="6C96D4DE" w:rsidR="00CE4164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7" w:name="bbr_tech_inst_land_parcel_id_14"/>
            <w:bookmarkEnd w:id="147"/>
            <w:r>
              <w:rPr>
                <w:rFonts w:ascii="Arial" w:hAnsi="Arial" w:cs="Arial"/>
                <w:sz w:val="20"/>
                <w:szCs w:val="20"/>
              </w:rPr>
              <w:t>1978</w:t>
            </w: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378FC813" w14:textId="717141F4" w:rsidR="00CE4164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8" w:name="bbr_tech_inst_land_parcel_id_15"/>
            <w:bookmarkEnd w:id="148"/>
            <w:r>
              <w:rPr>
                <w:rFonts w:ascii="Arial" w:hAnsi="Arial" w:cs="Arial"/>
                <w:sz w:val="20"/>
                <w:szCs w:val="20"/>
              </w:rPr>
              <w:t>Oliebaserede affaldsprodukter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21FB4E88" w14:textId="20FC30D8" w:rsidR="00CE4164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9" w:name="bbr_tech_inst_land_parcel_id_16"/>
            <w:bookmarkEnd w:id="149"/>
            <w:r>
              <w:rPr>
                <w:rFonts w:ascii="Arial" w:hAnsi="Arial" w:cs="Arial"/>
                <w:sz w:val="20"/>
                <w:szCs w:val="20"/>
              </w:rPr>
              <w:t>4.000</w:t>
            </w: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410071C7" w14:textId="05EA840C" w:rsidR="00CE4164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0" w:name="bbr_tech_inst_land_parcel_id_17"/>
            <w:bookmarkEnd w:id="150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4919A5E0" w14:textId="77777777" w:rsidR="00CE4164" w:rsidRPr="00A1310D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1" w:name="bbr_tech_inst_land_parcel_id_18"/>
            <w:bookmarkEnd w:id="151"/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77FD6042" w14:textId="77777777" w:rsidR="00CE4164" w:rsidRPr="00A1310D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2" w:name="bbr_tech_inst_land_parcel_id_19"/>
            <w:bookmarkEnd w:id="152"/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4E62B4AB" w14:textId="77777777" w:rsidR="00CE4164" w:rsidRPr="00A1310D" w:rsidRDefault="00CE416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9B744" w14:textId="74FD552A" w:rsidR="00EC6E6D" w:rsidRPr="00245E8B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3" w:name="ind_control_items_control_item_nameX5"/>
            <w:bookmarkEnd w:id="153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EC8780E" w14:textId="35B91C0D" w:rsidR="00EC6E6D" w:rsidRPr="00245E8B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4" w:name="ind_control_items_control_item_nameX5_2"/>
            <w:bookmarkEnd w:id="154"/>
            <w:r>
              <w:rPr>
                <w:rFonts w:ascii="Arial" w:hAnsi="Arial" w:cs="Arial"/>
                <w:sz w:val="20"/>
                <w:szCs w:val="20"/>
              </w:rPr>
              <w:t xml:space="preserve">Der er 4 olietanke på virksomheden -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il dieselolie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il oliefyret (opvarmning af værkstedet)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il oliefyr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hedvandsvasker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)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il spildolie.</w:t>
            </w:r>
          </w:p>
        </w:tc>
      </w:tr>
      <w:tr w:rsidR="00CE4164" w:rsidRPr="00245E8B" w14:paraId="552989BC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880AD7F" w14:textId="3595DDF2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5" w:name="ind_control_items_control_item_nameX5_3"/>
            <w:bookmarkEnd w:id="155"/>
            <w:r>
              <w:rPr>
                <w:rFonts w:ascii="Arial" w:hAnsi="Arial" w:cs="Arial"/>
                <w:sz w:val="20"/>
                <w:szCs w:val="20"/>
              </w:rPr>
              <w:t>Olietanke, opstilling/plac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C90B4E9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6" w:name="ind_control_items_control_item_nameX5_4"/>
            <w:bookmarkEnd w:id="156"/>
            <w:r>
              <w:rPr>
                <w:rFonts w:ascii="Arial" w:hAnsi="Arial" w:cs="Arial"/>
                <w:sz w:val="20"/>
                <w:szCs w:val="20"/>
              </w:rPr>
              <w:t>Tanken på 4000 liter er nedgravet i hjørnet af adressen mellem Stenholm og Troldholm.</w:t>
            </w:r>
          </w:p>
          <w:p w14:paraId="6B4451EC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Tanken på 15.000 liter er nedgravet under kørearealet mellem værkstedet og kontorbygningen. Spildeolietanken på 4000 liter står i kemicontaineren, som har dobbeltbund. Fyringsolietanken på 1500 liter koblet på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hedvandsvasker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tår i værkstedet.</w:t>
            </w:r>
          </w:p>
          <w:p w14:paraId="2B8CD73A" w14:textId="61ED64E3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E4164" w:rsidRPr="00245E8B" w14:paraId="180619BC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3E55CB1" w14:textId="3D16130B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7" w:name="ind_control_items_control_item_nameX5_5"/>
            <w:bookmarkEnd w:id="157"/>
            <w:r>
              <w:rPr>
                <w:rFonts w:ascii="Arial" w:hAnsi="Arial" w:cs="Arial"/>
                <w:sz w:val="20"/>
                <w:szCs w:val="20"/>
              </w:rPr>
              <w:t xml:space="preserve">Olietanke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/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afb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sløjf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121C818" w14:textId="12E56D5B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8" w:name="ind_control_items_control_item_nameX5_6"/>
            <w:bookmarkEnd w:id="158"/>
            <w:r>
              <w:rPr>
                <w:rFonts w:ascii="Arial" w:hAnsi="Arial" w:cs="Arial"/>
                <w:sz w:val="20"/>
                <w:szCs w:val="20"/>
              </w:rPr>
              <w:t xml:space="preserve">Ved tilsynet blev der observeret en olietanken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hedvandsvasker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en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pildeoli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Disse er ikke tidligere være bekendt for tilsynsmyndigheden.  </w:t>
            </w:r>
          </w:p>
        </w:tc>
      </w:tr>
      <w:tr w:rsidR="00CE4164" w:rsidRPr="00245E8B" w14:paraId="29760DFC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650AF6B" w14:textId="310340A8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9" w:name="ind_control_items_control_item_nameX5_7"/>
            <w:bookmarkEnd w:id="159"/>
            <w:r>
              <w:rPr>
                <w:rFonts w:ascii="Arial" w:hAnsi="Arial" w:cs="Arial"/>
                <w:sz w:val="20"/>
                <w:szCs w:val="20"/>
              </w:rPr>
              <w:t>Olietanke, tankattest/tankski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0668E82" w14:textId="64D44B24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0" w:name="ind_control_items_control_item_nameX5_8"/>
            <w:bookmarkEnd w:id="160"/>
            <w:r>
              <w:rPr>
                <w:rFonts w:ascii="Arial" w:hAnsi="Arial" w:cs="Arial"/>
                <w:sz w:val="20"/>
                <w:szCs w:val="20"/>
              </w:rPr>
              <w:t>Der er tankattest på begge tankene.</w:t>
            </w:r>
          </w:p>
        </w:tc>
      </w:tr>
      <w:tr w:rsidR="00CE4164" w:rsidRPr="00245E8B" w14:paraId="03445221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F7BB183" w14:textId="6F0F651F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1" w:name="ind_control_items_control_item_nameX5_9"/>
            <w:bookmarkEnd w:id="161"/>
            <w:r>
              <w:rPr>
                <w:rFonts w:ascii="Arial" w:hAnsi="Arial" w:cs="Arial"/>
                <w:sz w:val="20"/>
                <w:szCs w:val="20"/>
              </w:rPr>
              <w:lastRenderedPageBreak/>
              <w:t>Olietanke, sløjfningstermi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911EE78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2" w:name="ind_control_items_control_item_nameX5_10"/>
            <w:bookmarkEnd w:id="162"/>
            <w:r>
              <w:rPr>
                <w:rFonts w:ascii="Arial" w:hAnsi="Arial" w:cs="Arial"/>
                <w:sz w:val="20"/>
                <w:szCs w:val="20"/>
              </w:rPr>
              <w:t>For olietanken fra 1976 er sløjfningsterminen 2016.</w:t>
            </w:r>
          </w:p>
          <w:p w14:paraId="0755D7CC" w14:textId="3FF67D1C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or olietanken fra 1978 er sløjfningsterminen 2018.</w:t>
            </w:r>
          </w:p>
        </w:tc>
      </w:tr>
      <w:tr w:rsidR="00CE4164" w:rsidRPr="00245E8B" w14:paraId="52DFF820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98F722" w14:textId="753ECC99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3" w:name="ind_control_items_control_item_nameX5_11"/>
            <w:bookmarkEnd w:id="163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850B838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4" w:name="ind_control_items_control_item_nameX5_12"/>
            <w:bookmarkEnd w:id="164"/>
            <w:r>
              <w:rPr>
                <w:rFonts w:ascii="Arial" w:hAnsi="Arial" w:cs="Arial"/>
                <w:sz w:val="20"/>
                <w:szCs w:val="20"/>
              </w:rPr>
              <w:t xml:space="preserve">Ja, de 2 nedgravede olietanke fremgår af BBR. </w:t>
            </w:r>
          </w:p>
          <w:p w14:paraId="6411CE63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rksomheden skal anmelde olietanken koblet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hedvandsvasker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Link til anmelderskema findes her: </w:t>
            </w:r>
          </w:p>
          <w:p w14:paraId="47B24D86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https://blanket.aalborgkommune.dk/KommuneInnerFrontEnd/default.aspx?entityId=851&amp;RM_Cat=BoligByggeriFlytning%09Byggeri</w:t>
            </w:r>
          </w:p>
          <w:p w14:paraId="2F4DB330" w14:textId="3CAF8F0E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pildolietanken er ikke omfattet af olietankbekendtgørels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ålæng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den benyttes til spildolie. Hvis tanken ændres anvendelse til f.eks. fyringsolie er den omfattet af olietankbekendtgørelsen. Olietankbekendtgørelsen foreskriver en sløjfningstermin der er passeret.</w:t>
            </w:r>
          </w:p>
        </w:tc>
      </w:tr>
      <w:tr w:rsidR="00CE4164" w:rsidRPr="00245E8B" w14:paraId="3BD4D599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FA18CFB" w14:textId="6F131DB4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5" w:name="ind_control_items_control_item_nameX5_13"/>
            <w:bookmarkEnd w:id="165"/>
            <w:r>
              <w:rPr>
                <w:rFonts w:ascii="Arial" w:hAnsi="Arial" w:cs="Arial"/>
                <w:sz w:val="20"/>
                <w:szCs w:val="20"/>
              </w:rPr>
              <w:t xml:space="preserve">Olietanke, belægninger v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åfyldningspl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3AA6AEE" w14:textId="4B677B66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6" w:name="ind_control_items_control_item_nameX5_14"/>
            <w:bookmarkEnd w:id="166"/>
            <w:r>
              <w:rPr>
                <w:rFonts w:ascii="Arial" w:hAnsi="Arial" w:cs="Arial"/>
                <w:sz w:val="20"/>
                <w:szCs w:val="20"/>
              </w:rPr>
              <w:t>Asfalt</w:t>
            </w:r>
          </w:p>
        </w:tc>
      </w:tr>
      <w:tr w:rsidR="00CE4164" w:rsidRPr="00245E8B" w14:paraId="6BAF5313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229DEFF" w14:textId="4012F5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7" w:name="ind_control_items_control_item_nameX5_15"/>
            <w:bookmarkEnd w:id="167"/>
            <w:r>
              <w:rPr>
                <w:rFonts w:ascii="Arial" w:hAnsi="Arial" w:cs="Arial"/>
                <w:sz w:val="20"/>
                <w:szCs w:val="20"/>
              </w:rPr>
              <w:t>Olietanke, belægninger ved salgs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B5CA193" w14:textId="325FAFEC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8" w:name="ind_control_items_control_item_nameX5_16"/>
            <w:bookmarkEnd w:id="168"/>
            <w:r>
              <w:rPr>
                <w:rFonts w:ascii="Arial" w:hAnsi="Arial" w:cs="Arial"/>
                <w:sz w:val="20"/>
                <w:szCs w:val="20"/>
              </w:rPr>
              <w:t>SF-sten</w:t>
            </w:r>
          </w:p>
        </w:tc>
      </w:tr>
      <w:tr w:rsidR="00CE4164" w:rsidRPr="00245E8B" w14:paraId="72AEA7DA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D71B8D" w14:textId="316A59B2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9" w:name="ind_control_items_control_item_nameX5_17"/>
            <w:bookmarkEnd w:id="169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æthedsp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p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E489CA7" w14:textId="57FFD31C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0" w:name="ind_control_items_control_item_nameX5_18"/>
            <w:bookmarkEnd w:id="170"/>
            <w:r>
              <w:rPr>
                <w:rFonts w:ascii="Arial" w:hAnsi="Arial" w:cs="Arial"/>
                <w:sz w:val="20"/>
                <w:szCs w:val="20"/>
              </w:rPr>
              <w:t xml:space="preserve">Tanken fra 1977 (på 15.000 liter) skal tæthedsprøves hvert 10. år, senest første gang 1. april 2010. Ved tilsynet blev der forevist inspektionsrapport dateret den 6. juni 2011. Næst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oektio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r om 10 år.</w:t>
            </w:r>
          </w:p>
        </w:tc>
      </w:tr>
      <w:tr w:rsidR="00CE4164" w:rsidRPr="00245E8B" w14:paraId="005DA1FD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7993668" w14:textId="231C166B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1" w:name="ind_control_items_control_item_nameX5_19"/>
            <w:bookmarkEnd w:id="171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beh.regnskab</w:t>
            </w:r>
            <w:proofErr w:type="spellEnd"/>
            <w:proofErr w:type="gram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BC930B0" w14:textId="70A97DC8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2" w:name="ind_control_items_control_item_nameX5_20"/>
            <w:bookmarkEnd w:id="172"/>
            <w:r>
              <w:rPr>
                <w:rFonts w:ascii="Arial" w:hAnsi="Arial" w:cs="Arial"/>
                <w:sz w:val="20"/>
                <w:szCs w:val="20"/>
              </w:rPr>
              <w:t xml:space="preserve">Dieselolietanken fra 1977 (15.000 liter) har elektronisk pejlesystem og bliver manuelt pejle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gang hver måned. Den elektronisk pejling styres af Mort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jellera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BMS A/S. Ved tilsynet i 2008 blev dokumentationen forevist, og da der ikke er ændret på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procedurerne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vurderes det ikke det er nødvendigt at se dokumentation herpå ved dette tilsyn.</w:t>
            </w: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73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173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CE4164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6AE01D2" w14:textId="7BA203B9" w:rsidR="00EC6E6D" w:rsidRPr="00245E8B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4" w:name="ind_rawmat_types_rawmat_name"/>
            <w:bookmarkEnd w:id="174"/>
            <w:r>
              <w:rPr>
                <w:rFonts w:ascii="Arial" w:hAnsi="Arial" w:cs="Arial"/>
                <w:sz w:val="20"/>
                <w:szCs w:val="20"/>
              </w:rPr>
              <w:t>Sprinklervæsk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5" w:name="ind_rawmat_types_rawmat_name_2"/>
            <w:bookmarkEnd w:id="175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6" w:name="ind_rawmat_types_rawmat_name_3"/>
            <w:bookmarkEnd w:id="17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7" w:name="ind_rawmat_types_rawmat_name_4"/>
            <w:bookmarkEnd w:id="177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4F6C8D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8" w:name="ind_rawmat_types_rawmat_name_5"/>
            <w:bookmarkEnd w:id="178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044AFE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9" w:name="ind_rawmat_types_rawmat_name_6"/>
            <w:bookmarkEnd w:id="179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3BDD01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0" w:name="ind_rawmat_types_rawmat_name_7"/>
            <w:bookmarkEnd w:id="18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3E49F5A" w14:textId="1175D668" w:rsidR="00EC6E6D" w:rsidRPr="00245E8B" w:rsidRDefault="00CE4164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1" w:name="ind_rawmat_types_rawmat_name_8"/>
            <w:bookmarkEnd w:id="181"/>
            <w:r>
              <w:rPr>
                <w:rFonts w:ascii="Arial" w:hAnsi="Arial" w:cs="Arial"/>
                <w:sz w:val="20"/>
                <w:szCs w:val="20"/>
              </w:rPr>
              <w:t>2011</w:t>
            </w:r>
          </w:p>
        </w:tc>
      </w:tr>
      <w:tr w:rsidR="00CE4164" w:rsidRPr="00245E8B" w14:paraId="665D89BE" w14:textId="77777777" w:rsidTr="00CE4164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290C4A" w14:textId="2D7A2666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2" w:name="ind_rawmat_types_rawmat_name_9"/>
            <w:bookmarkEnd w:id="182"/>
            <w:r>
              <w:rPr>
                <w:rFonts w:ascii="Arial" w:hAnsi="Arial" w:cs="Arial"/>
                <w:sz w:val="20"/>
                <w:szCs w:val="20"/>
              </w:rPr>
              <w:t>Motoroli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8C93F16" w14:textId="77777777" w:rsidR="00CE4164" w:rsidRPr="00245E8B" w:rsidRDefault="00CE4164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3" w:name="ind_rawmat_types_rawmat_name_10"/>
            <w:bookmarkEnd w:id="183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85FE6A" w14:textId="77777777" w:rsidR="00CE4164" w:rsidRPr="00245E8B" w:rsidRDefault="00CE4164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4" w:name="ind_rawmat_types_rawmat_name_11"/>
            <w:bookmarkEnd w:id="18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7E1706" w14:textId="77777777" w:rsidR="00CE4164" w:rsidRPr="00245E8B" w:rsidRDefault="00CE4164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5" w:name="ind_rawmat_types_rawmat_name_12"/>
            <w:bookmarkEnd w:id="185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463E4F" w14:textId="77777777" w:rsidR="00CE4164" w:rsidRPr="00245E8B" w:rsidRDefault="00CE4164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6" w:name="ind_rawmat_types_rawmat_name_13"/>
            <w:bookmarkEnd w:id="186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FD143B9" w14:textId="77777777" w:rsidR="00CE4164" w:rsidRPr="00245E8B" w:rsidRDefault="00CE4164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7" w:name="ind_rawmat_types_rawmat_name_14"/>
            <w:bookmarkEnd w:id="187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20071F" w14:textId="77777777" w:rsidR="00CE4164" w:rsidRPr="00245E8B" w:rsidRDefault="00CE4164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8" w:name="ind_rawmat_types_rawmat_name_15"/>
            <w:bookmarkEnd w:id="18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9BDEDED" w14:textId="421FF1DE" w:rsidR="00CE4164" w:rsidRDefault="00CE4164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9" w:name="ind_rawmat_types_rawmat_name_16"/>
            <w:bookmarkEnd w:id="189"/>
            <w:r>
              <w:rPr>
                <w:rFonts w:ascii="Arial" w:hAnsi="Arial" w:cs="Arial"/>
                <w:sz w:val="20"/>
                <w:szCs w:val="20"/>
              </w:rPr>
              <w:t>2011</w:t>
            </w:r>
          </w:p>
        </w:tc>
      </w:tr>
      <w:tr w:rsidR="00CE4164" w:rsidRPr="00245E8B" w14:paraId="2C89B638" w14:textId="77777777" w:rsidTr="00CE4164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3822E8B" w14:textId="3A20571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0" w:name="ind_rawmat_types_rawmat_name_17"/>
            <w:bookmarkEnd w:id="190"/>
            <w:r>
              <w:rPr>
                <w:rFonts w:ascii="Arial" w:hAnsi="Arial" w:cs="Arial"/>
                <w:sz w:val="20"/>
                <w:szCs w:val="20"/>
              </w:rPr>
              <w:t>Gearoli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44066BB" w14:textId="77777777" w:rsidR="00CE4164" w:rsidRPr="00245E8B" w:rsidRDefault="00CE4164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1" w:name="ind_rawmat_types_rawmat_name_18"/>
            <w:bookmarkEnd w:id="191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5B204C6" w14:textId="77777777" w:rsidR="00CE4164" w:rsidRPr="00245E8B" w:rsidRDefault="00CE4164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2" w:name="ind_rawmat_types_rawmat_name_19"/>
            <w:bookmarkEnd w:id="19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6E0F0C" w14:textId="77777777" w:rsidR="00CE4164" w:rsidRPr="00245E8B" w:rsidRDefault="00CE4164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3" w:name="ind_rawmat_types_rawmat_name_20"/>
            <w:bookmarkEnd w:id="193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E442783" w14:textId="77777777" w:rsidR="00CE4164" w:rsidRPr="00245E8B" w:rsidRDefault="00CE4164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4" w:name="ind_rawmat_types_rawmat_name_21"/>
            <w:bookmarkEnd w:id="19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7AC92A5" w14:textId="77777777" w:rsidR="00CE4164" w:rsidRPr="00245E8B" w:rsidRDefault="00CE4164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5" w:name="ind_rawmat_types_rawmat_name_22"/>
            <w:bookmarkEnd w:id="195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282BDC6" w14:textId="77777777" w:rsidR="00CE4164" w:rsidRPr="00245E8B" w:rsidRDefault="00CE4164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6" w:name="ind_rawmat_types_rawmat_name_23"/>
            <w:bookmarkEnd w:id="19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CB73C1B" w14:textId="05B9D18B" w:rsidR="00CE4164" w:rsidRDefault="00CE4164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7" w:name="ind_rawmat_types_rawmat_name_24"/>
            <w:bookmarkEnd w:id="197"/>
            <w:r>
              <w:rPr>
                <w:rFonts w:ascii="Arial" w:hAnsi="Arial" w:cs="Arial"/>
                <w:sz w:val="20"/>
                <w:szCs w:val="20"/>
              </w:rPr>
              <w:t>2011</w:t>
            </w:r>
          </w:p>
        </w:tc>
      </w:tr>
      <w:tr w:rsidR="00CE4164" w:rsidRPr="00245E8B" w14:paraId="17A85598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6AE12B2" w14:textId="2FE85B3F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8" w:name="ind_rawmat_types_rawmat_name_25"/>
            <w:bookmarkEnd w:id="198"/>
            <w:r>
              <w:rPr>
                <w:rFonts w:ascii="Arial" w:hAnsi="Arial" w:cs="Arial"/>
                <w:sz w:val="20"/>
                <w:szCs w:val="20"/>
              </w:rPr>
              <w:t>Akkumulator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1991" w14:textId="77777777" w:rsidR="00CE4164" w:rsidRPr="00245E8B" w:rsidRDefault="00CE4164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9" w:name="ind_rawmat_types_rawmat_name_26"/>
            <w:bookmarkEnd w:id="199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7B1C6E3" w14:textId="77777777" w:rsidR="00CE4164" w:rsidRPr="00245E8B" w:rsidRDefault="00CE4164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0" w:name="ind_rawmat_types_rawmat_name_27"/>
            <w:bookmarkEnd w:id="20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A27CC01" w14:textId="77777777" w:rsidR="00CE4164" w:rsidRPr="00245E8B" w:rsidRDefault="00CE4164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1" w:name="ind_rawmat_types_rawmat_name_28"/>
            <w:bookmarkEnd w:id="20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3CA1E86" w14:textId="77777777" w:rsidR="00CE4164" w:rsidRPr="00245E8B" w:rsidRDefault="00CE4164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2" w:name="ind_rawmat_types_rawmat_name_29"/>
            <w:bookmarkEnd w:id="202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C01E48E" w14:textId="77777777" w:rsidR="00CE4164" w:rsidRPr="00245E8B" w:rsidRDefault="00CE4164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3" w:name="ind_rawmat_types_rawmat_name_30"/>
            <w:bookmarkEnd w:id="203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FA9E850" w14:textId="77777777" w:rsidR="00CE4164" w:rsidRPr="00245E8B" w:rsidRDefault="00CE4164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4" w:name="ind_rawmat_types_rawmat_name_31"/>
            <w:bookmarkEnd w:id="20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4421EE7" w14:textId="00014E1E" w:rsidR="00CE4164" w:rsidRDefault="00CE4164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5" w:name="ind_rawmat_types_rawmat_name_32"/>
            <w:bookmarkEnd w:id="205"/>
            <w:r>
              <w:rPr>
                <w:rFonts w:ascii="Arial" w:hAnsi="Arial" w:cs="Arial"/>
                <w:sz w:val="20"/>
                <w:szCs w:val="20"/>
              </w:rPr>
              <w:t>2011</w:t>
            </w: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7F5A72" w14:textId="314B63F5" w:rsidR="00EC6E6D" w:rsidRPr="00245E8B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6" w:name="ind_control_items_control_item_nameX6"/>
            <w:bookmarkEnd w:id="206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BDB3D7" w14:textId="3446830C" w:rsidR="00EC6E6D" w:rsidRPr="00245E8B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7" w:name="ind_control_items_control_item_nameX6_2"/>
            <w:bookmarkEnd w:id="207"/>
            <w:r>
              <w:rPr>
                <w:rFonts w:ascii="Arial" w:hAnsi="Arial" w:cs="Arial"/>
                <w:sz w:val="20"/>
                <w:szCs w:val="20"/>
              </w:rPr>
              <w:t>Virksomheden benytter de råvarer som er typiske for et "autoværksted".</w:t>
            </w:r>
          </w:p>
        </w:tc>
      </w:tr>
      <w:tr w:rsidR="00CE4164" w:rsidRPr="00245E8B" w14:paraId="21A99DF7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9A295D8" w14:textId="031DC275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8" w:name="ind_control_items_control_item_nameX6_3"/>
            <w:bookmarkEnd w:id="208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BE30036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9" w:name="ind_control_items_control_item_nameX6_4"/>
            <w:bookmarkEnd w:id="209"/>
            <w:proofErr w:type="spellStart"/>
            <w:r>
              <w:rPr>
                <w:rFonts w:ascii="Arial" w:hAnsi="Arial" w:cs="Arial"/>
                <w:sz w:val="20"/>
                <w:szCs w:val="20"/>
              </w:rPr>
              <w:t>Påvarern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tår på værkstedet, i kemicontainer med dobbelt bund og i kemiskab.</w:t>
            </w:r>
          </w:p>
          <w:p w14:paraId="075F4257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å værkstedet står olieprodukter i et hjørne af værkstedet på en rist med spildbakke.</w:t>
            </w:r>
          </w:p>
          <w:p w14:paraId="1E61904F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praydåser står i kemiskabet.</w:t>
            </w:r>
          </w:p>
          <w:p w14:paraId="2D5B466D" w14:textId="68E547B5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 kemicontaineren med dobbelt bund står både råvarer og affald.</w:t>
            </w:r>
          </w:p>
        </w:tc>
      </w:tr>
      <w:tr w:rsidR="00CE4164" w:rsidRPr="00245E8B" w14:paraId="58BDDFD8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828434" w14:textId="07413D8F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0" w:name="ind_control_items_control_item_nameX6_5"/>
            <w:bookmarkEnd w:id="210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B167CC7" w14:textId="6CE3537D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1" w:name="ind_control_items_control_item_nameX6_6"/>
            <w:bookmarkEnd w:id="211"/>
            <w:r>
              <w:rPr>
                <w:rFonts w:ascii="Arial" w:hAnsi="Arial" w:cs="Arial"/>
                <w:sz w:val="20"/>
                <w:szCs w:val="20"/>
              </w:rPr>
              <w:t>Beton på værkstedet.</w:t>
            </w: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4F559A" w14:textId="39F8A894" w:rsidR="00EC6E6D" w:rsidRPr="00245E8B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2" w:name="wst_fraction_1_fraction_1_nameX2"/>
            <w:bookmarkEnd w:id="212"/>
            <w:r>
              <w:rPr>
                <w:rFonts w:ascii="Arial" w:hAnsi="Arial" w:cs="Arial"/>
                <w:sz w:val="20"/>
                <w:szCs w:val="20"/>
              </w:rPr>
              <w:t>Absorptionsmidler</w:t>
            </w:r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B08660" w14:textId="13681993" w:rsidR="00EC6E6D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3" w:name="wst_fraction_1_fraction_1_nameX2_2"/>
            <w:bookmarkEnd w:id="213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1FF67A" w14:textId="1BA9CDC8" w:rsidR="00EC6E6D" w:rsidRPr="00245E8B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4" w:name="wst_fraction_1_fraction_1_nameX2_3"/>
            <w:bookmarkEnd w:id="214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3F8BD9" w14:textId="5C484008" w:rsidR="00EC6E6D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5" w:name="wst_fraction_1_fraction_1_nameX2_4"/>
            <w:bookmarkEnd w:id="215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6" w:name="wst_fraction_1_fraction_1_nameX2_5"/>
            <w:bookmarkEnd w:id="216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CDF903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7" w:name="wst_fraction_1_fraction_1_nameX2_6"/>
            <w:bookmarkEnd w:id="217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D6A408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8" w:name="wst_fraction_1_fraction_1_nameX2_7"/>
            <w:bookmarkEnd w:id="218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5FACBC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9" w:name="wst_fraction_1_fraction_1_nameX2_8"/>
            <w:bookmarkEnd w:id="219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0" w:name="wst_fraction_1_fraction_1_nameX2_9"/>
            <w:bookmarkEnd w:id="220"/>
          </w:p>
        </w:tc>
      </w:tr>
      <w:tr w:rsidR="00CE4164" w:rsidRPr="00245E8B" w14:paraId="0F39083E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4B15CBB" w14:textId="19FDE52D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1" w:name="wst_fraction_1_fraction_1_nameX2_10"/>
            <w:bookmarkEnd w:id="221"/>
            <w:r>
              <w:rPr>
                <w:rFonts w:ascii="Arial" w:hAnsi="Arial" w:cs="Arial"/>
                <w:sz w:val="20"/>
                <w:szCs w:val="20"/>
              </w:rPr>
              <w:t>Alkalisk rensevæsk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3F33F3" w14:textId="77777777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2" w:name="wst_fraction_1_fraction_1_nameX2_11"/>
            <w:bookmarkEnd w:id="222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B8A5BA" w14:textId="77777777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3" w:name="wst_fraction_1_fraction_1_nameX2_12"/>
            <w:bookmarkEnd w:id="223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8BAB01B" w14:textId="3C4DC118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4" w:name="wst_fraction_1_fraction_1_nameX2_13"/>
            <w:bookmarkEnd w:id="224"/>
            <w:r>
              <w:rPr>
                <w:rFonts w:ascii="Arial" w:hAnsi="Arial" w:cs="Arial"/>
                <w:sz w:val="20"/>
                <w:szCs w:val="20"/>
              </w:rPr>
              <w:t>Ikke oply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D02C5FD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5" w:name="wst_fraction_1_fraction_1_nameX2_14"/>
            <w:bookmarkEnd w:id="225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E724E02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6" w:name="wst_fraction_1_fraction_1_nameX2_15"/>
            <w:bookmarkEnd w:id="226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227670F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7" w:name="wst_fraction_1_fraction_1_nameX2_16"/>
            <w:bookmarkEnd w:id="227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CA99D77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8" w:name="wst_fraction_1_fraction_1_nameX2_17"/>
            <w:bookmarkEnd w:id="228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20AB11A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9" w:name="wst_fraction_1_fraction_1_nameX2_18"/>
            <w:bookmarkEnd w:id="229"/>
          </w:p>
        </w:tc>
      </w:tr>
      <w:tr w:rsidR="00CE4164" w:rsidRPr="00245E8B" w14:paraId="0FDFE2C4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1C015D7" w14:textId="1B0B2470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0" w:name="wst_fraction_1_fraction_1_nameX2_19"/>
            <w:bookmarkEnd w:id="230"/>
            <w:r>
              <w:rPr>
                <w:rFonts w:ascii="Arial" w:hAnsi="Arial" w:cs="Arial"/>
                <w:sz w:val="20"/>
                <w:szCs w:val="20"/>
              </w:rPr>
              <w:t>Blandet brændbar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112C91F" w14:textId="77777777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1" w:name="wst_fraction_1_fraction_1_nameX2_20"/>
            <w:bookmarkEnd w:id="231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8BA9961" w14:textId="77777777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2" w:name="wst_fraction_1_fraction_1_nameX2_21"/>
            <w:bookmarkEnd w:id="232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9B0677" w14:textId="1581AF1D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3" w:name="wst_fraction_1_fraction_1_nameX2_22"/>
            <w:bookmarkEnd w:id="233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53D02F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4" w:name="wst_fraction_1_fraction_1_nameX2_23"/>
            <w:bookmarkEnd w:id="23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666375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5" w:name="wst_fraction_1_fraction_1_nameX2_24"/>
            <w:bookmarkEnd w:id="23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0244D1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6" w:name="wst_fraction_1_fraction_1_nameX2_25"/>
            <w:bookmarkEnd w:id="236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A16BA13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7" w:name="wst_fraction_1_fraction_1_nameX2_26"/>
            <w:bookmarkEnd w:id="23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4ED54ED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8" w:name="wst_fraction_1_fraction_1_nameX2_27"/>
            <w:bookmarkEnd w:id="238"/>
          </w:p>
        </w:tc>
      </w:tr>
      <w:tr w:rsidR="00CE4164" w:rsidRPr="00245E8B" w14:paraId="201483CC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5AC59E0" w14:textId="4E10E820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9" w:name="wst_fraction_1_fraction_1_nameX2_28"/>
            <w:bookmarkEnd w:id="239"/>
            <w:r>
              <w:rPr>
                <w:rFonts w:ascii="Arial" w:hAnsi="Arial" w:cs="Arial"/>
                <w:sz w:val="20"/>
                <w:szCs w:val="20"/>
              </w:rPr>
              <w:t>Blyakkumulator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000CED3" w14:textId="79A5E43F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0" w:name="wst_fraction_1_fraction_1_nameX2_29"/>
            <w:bookmarkEnd w:id="240"/>
            <w:r>
              <w:rPr>
                <w:rFonts w:ascii="Arial" w:hAnsi="Arial" w:cs="Arial"/>
                <w:sz w:val="20"/>
                <w:szCs w:val="20"/>
              </w:rPr>
              <w:t>1.4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A0B5695" w14:textId="6C322FCF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1" w:name="wst_fraction_1_fraction_1_nameX2_30"/>
            <w:bookmarkEnd w:id="241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0057B8D" w14:textId="5C60F9D4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2" w:name="wst_fraction_1_fraction_1_nameX2_31"/>
            <w:bookmarkEnd w:id="242"/>
            <w:r>
              <w:rPr>
                <w:rFonts w:ascii="Arial" w:hAnsi="Arial" w:cs="Arial"/>
                <w:sz w:val="20"/>
                <w:szCs w:val="20"/>
              </w:rPr>
              <w:t>Plastkasse, syrefa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D61BFDD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3" w:name="wst_fraction_1_fraction_1_nameX2_32"/>
            <w:bookmarkEnd w:id="24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A0A73DA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4" w:name="wst_fraction_1_fraction_1_nameX2_33"/>
            <w:bookmarkEnd w:id="244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0B41B1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5" w:name="wst_fraction_1_fraction_1_nameX2_34"/>
            <w:bookmarkEnd w:id="24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E418CA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6" w:name="wst_fraction_1_fraction_1_nameX2_35"/>
            <w:bookmarkEnd w:id="246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997D008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7" w:name="wst_fraction_1_fraction_1_nameX2_36"/>
            <w:bookmarkEnd w:id="247"/>
          </w:p>
        </w:tc>
      </w:tr>
      <w:tr w:rsidR="00CE4164" w:rsidRPr="00245E8B" w14:paraId="431BEF67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5FE8F13" w14:textId="21BC1404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8" w:name="wst_fraction_1_fraction_1_nameX2_37"/>
            <w:bookmarkEnd w:id="248"/>
            <w:r>
              <w:rPr>
                <w:rFonts w:ascii="Arial" w:hAnsi="Arial" w:cs="Arial"/>
                <w:sz w:val="20"/>
                <w:szCs w:val="20"/>
              </w:rPr>
              <w:t>Hydraulikslang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C39C00" w14:textId="4758AFE0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9" w:name="wst_fraction_1_fraction_1_nameX2_38"/>
            <w:bookmarkEnd w:id="249"/>
            <w:r>
              <w:rPr>
                <w:rFonts w:ascii="Arial" w:hAnsi="Arial" w:cs="Arial"/>
                <w:sz w:val="20"/>
                <w:szCs w:val="20"/>
              </w:rPr>
              <w:t>1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8448C82" w14:textId="305FF6B9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0" w:name="wst_fraction_1_fraction_1_nameX2_39"/>
            <w:bookmarkEnd w:id="250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8CF2F44" w14:textId="6C88E295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1" w:name="wst_fraction_1_fraction_1_nameX2_40"/>
            <w:bookmarkEnd w:id="251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F552DF3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2" w:name="wst_fraction_1_fraction_1_nameX2_41"/>
            <w:bookmarkEnd w:id="252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1D0B2D9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3" w:name="wst_fraction_1_fraction_1_nameX2_42"/>
            <w:bookmarkEnd w:id="253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E69F424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4" w:name="wst_fraction_1_fraction_1_nameX2_43"/>
            <w:bookmarkEnd w:id="254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1C7E398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5" w:name="wst_fraction_1_fraction_1_nameX2_44"/>
            <w:bookmarkEnd w:id="25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C7301E1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6" w:name="wst_fraction_1_fraction_1_nameX2_45"/>
            <w:bookmarkEnd w:id="256"/>
          </w:p>
        </w:tc>
      </w:tr>
      <w:tr w:rsidR="00CE4164" w:rsidRPr="00245E8B" w14:paraId="11426E31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635860" w14:textId="3C8A064C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7" w:name="wst_fraction_1_fraction_1_nameX2_46"/>
            <w:bookmarkEnd w:id="257"/>
            <w:r>
              <w:rPr>
                <w:rFonts w:ascii="Arial" w:hAnsi="Arial" w:cs="Arial"/>
                <w:sz w:val="20"/>
                <w:szCs w:val="20"/>
              </w:rPr>
              <w:t>Jern og metal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D420C54" w14:textId="162069CE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8" w:name="wst_fraction_1_fraction_1_nameX2_47"/>
            <w:bookmarkEnd w:id="258"/>
            <w:r>
              <w:rPr>
                <w:rFonts w:ascii="Arial" w:hAnsi="Arial" w:cs="Arial"/>
                <w:sz w:val="20"/>
                <w:szCs w:val="20"/>
              </w:rPr>
              <w:t>3.5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DFC7DB" w14:textId="7487AF4B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9" w:name="wst_fraction_1_fraction_1_nameX2_48"/>
            <w:bookmarkEnd w:id="259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03187E" w14:textId="145CB793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0" w:name="wst_fraction_1_fraction_1_nameX2_49"/>
            <w:bookmarkEnd w:id="260"/>
            <w:r>
              <w:rPr>
                <w:rFonts w:ascii="Arial" w:hAnsi="Arial" w:cs="Arial"/>
                <w:sz w:val="20"/>
                <w:szCs w:val="20"/>
              </w:rPr>
              <w:t>Container - åbe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CF5E09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1" w:name="wst_fraction_1_fraction_1_nameX2_50"/>
            <w:bookmarkEnd w:id="261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5744F3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2" w:name="wst_fraction_1_fraction_1_nameX2_51"/>
            <w:bookmarkEnd w:id="262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FD1BA2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3" w:name="wst_fraction_1_fraction_1_nameX2_52"/>
            <w:bookmarkEnd w:id="263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B19EB59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4" w:name="wst_fraction_1_fraction_1_nameX2_53"/>
            <w:bookmarkEnd w:id="264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C667279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5" w:name="wst_fraction_1_fraction_1_nameX2_54"/>
            <w:bookmarkEnd w:id="265"/>
          </w:p>
        </w:tc>
      </w:tr>
      <w:tr w:rsidR="00CE4164" w:rsidRPr="00245E8B" w14:paraId="31272FA7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71E5172" w14:textId="475BF382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6" w:name="wst_fraction_1_fraction_1_nameX2_55"/>
            <w:bookmarkEnd w:id="266"/>
            <w:r>
              <w:rPr>
                <w:rFonts w:ascii="Arial" w:hAnsi="Arial" w:cs="Arial"/>
                <w:sz w:val="20"/>
                <w:szCs w:val="20"/>
              </w:rPr>
              <w:t>Kølervæsk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12730A6" w14:textId="2D9993E6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7" w:name="wst_fraction_1_fraction_1_nameX2_56"/>
            <w:bookmarkEnd w:id="267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782068D" w14:textId="77CBB7F1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8" w:name="wst_fraction_1_fraction_1_nameX2_57"/>
            <w:bookmarkEnd w:id="268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2423C8C" w14:textId="5D5C8D23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9" w:name="wst_fraction_1_fraction_1_nameX2_58"/>
            <w:bookmarkEnd w:id="269"/>
            <w:r>
              <w:rPr>
                <w:rFonts w:ascii="Arial" w:hAnsi="Arial" w:cs="Arial"/>
                <w:sz w:val="20"/>
                <w:szCs w:val="20"/>
              </w:rPr>
              <w:t>Tromle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okan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2198653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0" w:name="wst_fraction_1_fraction_1_nameX2_59"/>
            <w:bookmarkEnd w:id="270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842F23A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1" w:name="wst_fraction_1_fraction_1_nameX2_60"/>
            <w:bookmarkEnd w:id="271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B5346E7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2" w:name="wst_fraction_1_fraction_1_nameX2_61"/>
            <w:bookmarkEnd w:id="272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4D3EFB9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3" w:name="wst_fraction_1_fraction_1_nameX2_62"/>
            <w:bookmarkEnd w:id="27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1A063F2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4" w:name="wst_fraction_1_fraction_1_nameX2_63"/>
            <w:bookmarkEnd w:id="274"/>
          </w:p>
        </w:tc>
      </w:tr>
      <w:tr w:rsidR="00CE4164" w:rsidRPr="00245E8B" w14:paraId="6A2A3D8F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D99441B" w14:textId="718884A4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5" w:name="wst_fraction_1_fraction_1_nameX2_64"/>
            <w:bookmarkEnd w:id="275"/>
            <w:r>
              <w:rPr>
                <w:rFonts w:ascii="Arial" w:hAnsi="Arial" w:cs="Arial"/>
                <w:sz w:val="20"/>
                <w:szCs w:val="20"/>
              </w:rPr>
              <w:t>Lysstofrør, lavenergipær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D69B26" w14:textId="77777777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6" w:name="wst_fraction_1_fraction_1_nameX2_65"/>
            <w:bookmarkEnd w:id="276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30AC464" w14:textId="77777777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7" w:name="wst_fraction_1_fraction_1_nameX2_66"/>
            <w:bookmarkEnd w:id="277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F1D0406" w14:textId="1D5584C9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8" w:name="wst_fraction_1_fraction_1_nameX2_67"/>
            <w:bookmarkEnd w:id="278"/>
            <w:r>
              <w:rPr>
                <w:rFonts w:ascii="Arial" w:hAnsi="Arial" w:cs="Arial"/>
                <w:sz w:val="20"/>
                <w:szCs w:val="20"/>
              </w:rPr>
              <w:t>Ikke oply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7302FE6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9" w:name="wst_fraction_1_fraction_1_nameX2_68"/>
            <w:bookmarkEnd w:id="279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AA5C99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0" w:name="wst_fraction_1_fraction_1_nameX2_69"/>
            <w:bookmarkEnd w:id="280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8AF55D1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1" w:name="wst_fraction_1_fraction_1_nameX2_70"/>
            <w:bookmarkEnd w:id="281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7BECB3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2" w:name="wst_fraction_1_fraction_1_nameX2_71"/>
            <w:bookmarkEnd w:id="282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234443A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3" w:name="wst_fraction_1_fraction_1_nameX2_72"/>
            <w:bookmarkEnd w:id="283"/>
          </w:p>
        </w:tc>
      </w:tr>
      <w:tr w:rsidR="00CE4164" w:rsidRPr="00245E8B" w14:paraId="66819373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DAA1F4C" w14:textId="14028623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4" w:name="wst_fraction_1_fraction_1_nameX2_73"/>
            <w:bookmarkEnd w:id="284"/>
            <w:r>
              <w:rPr>
                <w:rFonts w:ascii="Arial" w:hAnsi="Arial" w:cs="Arial"/>
                <w:sz w:val="20"/>
                <w:szCs w:val="20"/>
              </w:rPr>
              <w:t>Maling- og lakaffal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27FA731" w14:textId="3FE09AA5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5" w:name="wst_fraction_1_fraction_1_nameX2_74"/>
            <w:bookmarkEnd w:id="285"/>
            <w:r>
              <w:rPr>
                <w:rFonts w:ascii="Arial" w:hAnsi="Arial" w:cs="Arial"/>
                <w:sz w:val="20"/>
                <w:szCs w:val="20"/>
              </w:rPr>
              <w:t>3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3DAA96" w14:textId="2699930B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6" w:name="wst_fraction_1_fraction_1_nameX2_75"/>
            <w:bookmarkEnd w:id="286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6C627A5" w14:textId="6CAAE46F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7" w:name="wst_fraction_1_fraction_1_nameX2_76"/>
            <w:bookmarkEnd w:id="287"/>
            <w:r>
              <w:rPr>
                <w:rFonts w:ascii="Arial" w:hAnsi="Arial" w:cs="Arial"/>
                <w:sz w:val="20"/>
                <w:szCs w:val="20"/>
              </w:rPr>
              <w:t>Ikke oply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AEBA5C1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8" w:name="wst_fraction_1_fraction_1_nameX2_77"/>
            <w:bookmarkEnd w:id="288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42BB85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9" w:name="wst_fraction_1_fraction_1_nameX2_78"/>
            <w:bookmarkEnd w:id="289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420D86D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0" w:name="wst_fraction_1_fraction_1_nameX2_79"/>
            <w:bookmarkEnd w:id="290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B1B91DB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1" w:name="wst_fraction_1_fraction_1_nameX2_80"/>
            <w:bookmarkEnd w:id="29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BB76A9C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2" w:name="wst_fraction_1_fraction_1_nameX2_81"/>
            <w:bookmarkEnd w:id="292"/>
          </w:p>
        </w:tc>
      </w:tr>
      <w:tr w:rsidR="00CE4164" w:rsidRPr="00245E8B" w14:paraId="1F52708E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EA0C1B2" w14:textId="38B4C2AA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3" w:name="wst_fraction_1_fraction_1_nameX2_82"/>
            <w:bookmarkEnd w:id="293"/>
            <w:r>
              <w:rPr>
                <w:rFonts w:ascii="Arial" w:hAnsi="Arial" w:cs="Arial"/>
                <w:sz w:val="20"/>
                <w:szCs w:val="20"/>
              </w:rPr>
              <w:t>Olie- og benzinudskiller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33A382" w14:textId="099CCDC0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94" w:name="wst_fraction_1_fraction_1_nameX2_83"/>
            <w:bookmarkEnd w:id="294"/>
            <w:r>
              <w:rPr>
                <w:rFonts w:ascii="Arial" w:hAnsi="Arial" w:cs="Arial"/>
                <w:sz w:val="20"/>
                <w:szCs w:val="20"/>
              </w:rPr>
              <w:t>35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145D89" w14:textId="5F8DF7FE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5" w:name="wst_fraction_1_fraction_1_nameX2_84"/>
            <w:bookmarkEnd w:id="295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8552A28" w14:textId="646FC2C8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6" w:name="wst_fraction_1_fraction_1_nameX2_85"/>
            <w:bookmarkEnd w:id="296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3F351F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97" w:name="wst_fraction_1_fraction_1_nameX2_86"/>
            <w:bookmarkEnd w:id="297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E5B203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8" w:name="wst_fraction_1_fraction_1_nameX2_87"/>
            <w:bookmarkEnd w:id="298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3EB0F6E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9" w:name="wst_fraction_1_fraction_1_nameX2_88"/>
            <w:bookmarkEnd w:id="299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BBBCFD8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0" w:name="wst_fraction_1_fraction_1_nameX2_89"/>
            <w:bookmarkEnd w:id="300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F2165FC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1" w:name="wst_fraction_1_fraction_1_nameX2_90"/>
            <w:bookmarkEnd w:id="301"/>
          </w:p>
        </w:tc>
      </w:tr>
      <w:tr w:rsidR="00CE4164" w:rsidRPr="00245E8B" w14:paraId="5DA2084E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160F341" w14:textId="2C257E64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2" w:name="wst_fraction_1_fraction_1_nameX2_91"/>
            <w:bookmarkEnd w:id="302"/>
            <w:r>
              <w:rPr>
                <w:rFonts w:ascii="Arial" w:hAnsi="Arial" w:cs="Arial"/>
                <w:sz w:val="20"/>
                <w:szCs w:val="20"/>
              </w:rPr>
              <w:t>Oliefiltr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F60F8C0" w14:textId="356E84F1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3" w:name="wst_fraction_1_fraction_1_nameX2_92"/>
            <w:bookmarkEnd w:id="303"/>
            <w:r>
              <w:rPr>
                <w:rFonts w:ascii="Arial" w:hAnsi="Arial" w:cs="Arial"/>
                <w:sz w:val="20"/>
                <w:szCs w:val="20"/>
              </w:rPr>
              <w:t>208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33CC6C" w14:textId="6BEED762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4" w:name="wst_fraction_1_fraction_1_nameX2_93"/>
            <w:bookmarkEnd w:id="304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360994" w14:textId="44C9AF88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5" w:name="wst_fraction_1_fraction_1_nameX2_94"/>
            <w:bookmarkEnd w:id="305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01A2B0A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6" w:name="wst_fraction_1_fraction_1_nameX2_95"/>
            <w:bookmarkEnd w:id="306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F1E1EA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7" w:name="wst_fraction_1_fraction_1_nameX2_96"/>
            <w:bookmarkEnd w:id="307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874D28F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8" w:name="wst_fraction_1_fraction_1_nameX2_97"/>
            <w:bookmarkEnd w:id="308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4BE77DC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9" w:name="wst_fraction_1_fraction_1_nameX2_98"/>
            <w:bookmarkEnd w:id="309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A0930CD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0" w:name="wst_fraction_1_fraction_1_nameX2_99"/>
            <w:bookmarkEnd w:id="310"/>
          </w:p>
        </w:tc>
      </w:tr>
      <w:tr w:rsidR="00CE4164" w:rsidRPr="00245E8B" w14:paraId="7D5A601E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8AAE1FA" w14:textId="0F264E52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1" w:name="wst_fraction_1_fraction_1_nameX2_100"/>
            <w:bookmarkEnd w:id="311"/>
            <w:r>
              <w:rPr>
                <w:rFonts w:ascii="Arial" w:hAnsi="Arial" w:cs="Arial"/>
                <w:sz w:val="20"/>
                <w:szCs w:val="20"/>
              </w:rPr>
              <w:t>Papir og pap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EABF563" w14:textId="4B975729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2" w:name="wst_fraction_1_fraction_1_nameX2_101"/>
            <w:bookmarkEnd w:id="312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5F187F7" w14:textId="07F7A2A7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3" w:name="wst_fraction_1_fraction_1_nameX2_102"/>
            <w:bookmarkEnd w:id="313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DFA06FD" w14:textId="4227A394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4" w:name="wst_fraction_1_fraction_1_nameX2_103"/>
            <w:bookmarkEnd w:id="314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EB0648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5" w:name="wst_fraction_1_fraction_1_nameX2_104"/>
            <w:bookmarkEnd w:id="315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25CC0FC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6" w:name="wst_fraction_1_fraction_1_nameX2_105"/>
            <w:bookmarkEnd w:id="316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6472AA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7" w:name="wst_fraction_1_fraction_1_nameX2_106"/>
            <w:bookmarkEnd w:id="317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78FCBE8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8" w:name="wst_fraction_1_fraction_1_nameX2_107"/>
            <w:bookmarkEnd w:id="318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28E6F8E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9" w:name="wst_fraction_1_fraction_1_nameX2_108"/>
            <w:bookmarkEnd w:id="319"/>
          </w:p>
        </w:tc>
      </w:tr>
      <w:tr w:rsidR="00CE4164" w:rsidRPr="00245E8B" w14:paraId="49F3D184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832FB54" w14:textId="29B997A3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0" w:name="wst_fraction_1_fraction_1_nameX2_109"/>
            <w:bookmarkEnd w:id="320"/>
            <w:r>
              <w:rPr>
                <w:rFonts w:ascii="Arial" w:hAnsi="Arial" w:cs="Arial"/>
                <w:sz w:val="20"/>
                <w:szCs w:val="20"/>
              </w:rPr>
              <w:t>Småbatterier fra værktøj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E07AB7" w14:textId="4FFB0428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1" w:name="wst_fraction_1_fraction_1_nameX2_110"/>
            <w:bookmarkEnd w:id="321"/>
            <w:r>
              <w:rPr>
                <w:rFonts w:ascii="Arial" w:hAnsi="Arial" w:cs="Arial"/>
                <w:sz w:val="20"/>
                <w:szCs w:val="20"/>
              </w:rPr>
              <w:t>5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D096F9" w14:textId="6BDB585B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2" w:name="wst_fraction_1_fraction_1_nameX2_111"/>
            <w:bookmarkEnd w:id="322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93C95CA" w14:textId="58D9957E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3" w:name="wst_fraction_1_fraction_1_nameX2_112"/>
            <w:bookmarkEnd w:id="323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4B3D39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4" w:name="wst_fraction_1_fraction_1_nameX2_113"/>
            <w:bookmarkEnd w:id="32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78A18E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5" w:name="wst_fraction_1_fraction_1_nameX2_114"/>
            <w:bookmarkEnd w:id="32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FDA8300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6" w:name="wst_fraction_1_fraction_1_nameX2_115"/>
            <w:bookmarkEnd w:id="326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E07C9B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7" w:name="wst_fraction_1_fraction_1_nameX2_116"/>
            <w:bookmarkEnd w:id="32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B190579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8" w:name="wst_fraction_1_fraction_1_nameX2_117"/>
            <w:bookmarkEnd w:id="328"/>
          </w:p>
        </w:tc>
      </w:tr>
      <w:tr w:rsidR="00CE4164" w:rsidRPr="00245E8B" w14:paraId="3A8D1655" w14:textId="77777777" w:rsidTr="00CE4164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E5265CB" w14:textId="519E9278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9" w:name="wst_fraction_1_fraction_1_nameX2_118"/>
            <w:bookmarkEnd w:id="329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A18099D" w14:textId="4B65EC65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0" w:name="wst_fraction_1_fraction_1_nameX2_119"/>
            <w:bookmarkEnd w:id="330"/>
            <w:r>
              <w:rPr>
                <w:rFonts w:ascii="Arial" w:hAnsi="Arial" w:cs="Arial"/>
                <w:sz w:val="20"/>
                <w:szCs w:val="20"/>
              </w:rPr>
              <w:t>2.5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735C964" w14:textId="202AC0A0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1" w:name="wst_fraction_1_fraction_1_nameX2_120"/>
            <w:bookmarkEnd w:id="331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57BD6C0" w14:textId="232C7D1D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2" w:name="wst_fraction_1_fraction_1_nameX2_121"/>
            <w:bookmarkEnd w:id="332"/>
            <w:r>
              <w:rPr>
                <w:rFonts w:ascii="Arial" w:hAnsi="Arial" w:cs="Arial"/>
                <w:sz w:val="20"/>
                <w:szCs w:val="20"/>
              </w:rPr>
              <w:t>Olietank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EA39ED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3" w:name="wst_fraction_1_fraction_1_nameX2_122"/>
            <w:bookmarkEnd w:id="33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BCF917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4" w:name="wst_fraction_1_fraction_1_nameX2_123"/>
            <w:bookmarkEnd w:id="334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AC9F7A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5" w:name="wst_fraction_1_fraction_1_nameX2_124"/>
            <w:bookmarkEnd w:id="33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6EE709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6" w:name="wst_fraction_1_fraction_1_nameX2_125"/>
            <w:bookmarkEnd w:id="336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8A20456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7" w:name="wst_fraction_1_fraction_1_nameX2_126"/>
            <w:bookmarkEnd w:id="337"/>
          </w:p>
        </w:tc>
      </w:tr>
      <w:tr w:rsidR="00CE4164" w:rsidRPr="00245E8B" w14:paraId="0F7F2C4E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2A6EB15" w14:textId="1CD37252" w:rsidR="00CE4164" w:rsidRDefault="00CE4164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8" w:name="wst_fraction_1_fraction_1_nameX2_127"/>
            <w:bookmarkEnd w:id="338"/>
            <w:r>
              <w:rPr>
                <w:rFonts w:ascii="Arial" w:hAnsi="Arial" w:cs="Arial"/>
                <w:sz w:val="20"/>
                <w:szCs w:val="20"/>
              </w:rPr>
              <w:t>Spraydås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89579BE" w14:textId="76D5804A" w:rsidR="00CE4164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9" w:name="wst_fraction_1_fraction_1_nameX2_128"/>
            <w:bookmarkEnd w:id="339"/>
            <w:r>
              <w:rPr>
                <w:rFonts w:ascii="Arial" w:hAnsi="Arial" w:cs="Arial"/>
                <w:sz w:val="20"/>
                <w:szCs w:val="20"/>
              </w:rPr>
              <w:t>32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96C4431" w14:textId="77A7822D" w:rsidR="00CE4164" w:rsidRDefault="00CE4164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0" w:name="wst_fraction_1_fraction_1_nameX2_129"/>
            <w:bookmarkEnd w:id="340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980E14C" w14:textId="7039FCBE" w:rsidR="00CE4164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1" w:name="wst_fraction_1_fraction_1_nameX2_130"/>
            <w:bookmarkEnd w:id="341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04FDDC0" w14:textId="77777777" w:rsidR="00CE4164" w:rsidRPr="00245E8B" w:rsidRDefault="00CE4164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2" w:name="wst_fraction_1_fraction_1_nameX2_131"/>
            <w:bookmarkEnd w:id="342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2FAF0FC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3" w:name="wst_fraction_1_fraction_1_nameX2_132"/>
            <w:bookmarkEnd w:id="343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FFBAC0C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4" w:name="wst_fraction_1_fraction_1_nameX2_133"/>
            <w:bookmarkEnd w:id="344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503FA30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5" w:name="wst_fraction_1_fraction_1_nameX2_134"/>
            <w:bookmarkEnd w:id="34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44A1D542" w14:textId="77777777" w:rsidR="00CE4164" w:rsidRPr="00245E8B" w:rsidRDefault="00CE4164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EE159C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6806D99E" w:rsidR="00EC6E6D" w:rsidRPr="00245E8B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6" w:name="ind_control_items_control_item_nameX7"/>
            <w:bookmarkEnd w:id="346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69D7824C" w:rsidR="00EC6E6D" w:rsidRPr="00245E8B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7" w:name="ind_control_items_control_item_nameX7_2"/>
            <w:bookmarkEnd w:id="347"/>
            <w:r>
              <w:rPr>
                <w:rFonts w:ascii="Arial" w:hAnsi="Arial" w:cs="Arial"/>
                <w:sz w:val="20"/>
                <w:szCs w:val="20"/>
              </w:rPr>
              <w:t>Ved sidste tilsyn, blev det aftalt at virksomheden skal føre STAMKORT. Siden sidst er reglerne om stamkort udfaset af lovgivningen.</w:t>
            </w:r>
          </w:p>
        </w:tc>
      </w:tr>
      <w:tr w:rsidR="00CE4164" w:rsidRPr="00245E8B" w14:paraId="5ADBE9F3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527D7CD" w14:textId="41AAE8AB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8" w:name="ind_control_items_control_item_nameX7_3"/>
            <w:bookmarkEnd w:id="348"/>
            <w:r>
              <w:rPr>
                <w:rFonts w:ascii="Arial" w:hAnsi="Arial" w:cs="Arial"/>
                <w:sz w:val="20"/>
                <w:szCs w:val="20"/>
              </w:rPr>
              <w:lastRenderedPageBreak/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48E86F3" w14:textId="54ACB658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9" w:name="ind_control_items_control_item_nameX7_4"/>
            <w:bookmarkEnd w:id="349"/>
            <w:r>
              <w:rPr>
                <w:rFonts w:ascii="Arial" w:hAnsi="Arial" w:cs="Arial"/>
                <w:sz w:val="20"/>
                <w:szCs w:val="20"/>
              </w:rPr>
              <w:t>Der er tydeligt afmærket på diverse affaldsbeholdere.</w:t>
            </w:r>
          </w:p>
        </w:tc>
      </w:tr>
      <w:tr w:rsidR="00CE4164" w:rsidRPr="00245E8B" w14:paraId="16BEE75D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BA2A5FA" w14:textId="34BE8F9C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0" w:name="ind_control_items_control_item_nameX7_5"/>
            <w:bookmarkEnd w:id="350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9C647D8" w14:textId="0D982FB0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1" w:name="ind_control_items_control_item_nameX7_6"/>
            <w:bookmarkEnd w:id="351"/>
            <w:r>
              <w:rPr>
                <w:rFonts w:ascii="Arial" w:hAnsi="Arial" w:cs="Arial"/>
                <w:sz w:val="20"/>
                <w:szCs w:val="20"/>
              </w:rPr>
              <w:t xml:space="preserve">Skema med farligt affald blev ikke udfyldt - skema vedr. affald jf. tilsynsskemaet blev gennemgåe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sted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or.</w:t>
            </w:r>
          </w:p>
        </w:tc>
      </w:tr>
      <w:tr w:rsidR="00CE4164" w:rsidRPr="00245E8B" w14:paraId="1A49DF92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4528D0B" w14:textId="1F12AE98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2" w:name="ind_control_items_control_item_nameX7_7"/>
            <w:bookmarkEnd w:id="352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DF99158" w14:textId="2AC0CCCB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3" w:name="ind_control_items_control_item_nameX7_8"/>
            <w:bookmarkEnd w:id="353"/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</w:p>
        </w:tc>
      </w:tr>
      <w:tr w:rsidR="00CE4164" w:rsidRPr="00245E8B" w14:paraId="4C4A4F35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57B3B1E" w14:textId="59CD71BA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4" w:name="ind_control_items_control_item_nameX7_9"/>
            <w:bookmarkEnd w:id="354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397A964" w14:textId="3990E5BB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5" w:name="ind_control_items_control_item_nameX7_10"/>
            <w:bookmarkEnd w:id="355"/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</w:p>
        </w:tc>
      </w:tr>
      <w:tr w:rsidR="00CE4164" w:rsidRPr="00245E8B" w14:paraId="356FFF1B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8291868" w14:textId="249A7911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6" w:name="ind_control_items_control_item_nameX7_11"/>
            <w:bookmarkEnd w:id="356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B9A31AA" w14:textId="552334E0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7" w:name="ind_control_items_control_item_nameX7_12"/>
            <w:bookmarkEnd w:id="357"/>
            <w:r>
              <w:rPr>
                <w:rFonts w:ascii="Arial" w:hAnsi="Arial" w:cs="Arial"/>
                <w:sz w:val="20"/>
                <w:szCs w:val="20"/>
              </w:rPr>
              <w:t xml:space="preserve">Aftale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okan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, Dansk Olie Genbrug, S. P. Jensen, Marius Pedersen og Stena.</w:t>
            </w:r>
          </w:p>
        </w:tc>
      </w:tr>
      <w:tr w:rsidR="00CE4164" w:rsidRPr="00245E8B" w14:paraId="13533756" w14:textId="77777777" w:rsidTr="00EE15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489AB78" w14:textId="7A7E9550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8" w:name="ind_control_items_control_item_nameX7_13"/>
            <w:bookmarkEnd w:id="358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0840225" w14:textId="65330B4E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9" w:name="ind_control_items_control_item_nameX7_14"/>
            <w:bookmarkEnd w:id="359"/>
            <w:r>
              <w:rPr>
                <w:rFonts w:ascii="Arial" w:hAnsi="Arial" w:cs="Arial"/>
                <w:sz w:val="20"/>
                <w:szCs w:val="20"/>
              </w:rPr>
              <w:t xml:space="preserve">Farligt affald opbevares i kemicontainer med dobbelt bund. </w:t>
            </w: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60" w:name="ind_control_items_control_item_nameX7_15"/>
      <w:bookmarkEnd w:id="360"/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4D1E7A4A" w:rsidR="00EC6E6D" w:rsidRPr="00245E8B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1" w:name="ind_control_items_control_item_nameX11"/>
            <w:bookmarkEnd w:id="361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254634DD" w:rsidR="00EC6E6D" w:rsidRPr="00245E8B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2" w:name="ind_control_items_control_item_nameX11_2"/>
            <w:bookmarkEnd w:id="362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</w:tr>
      <w:tr w:rsidR="00CE4164" w:rsidRPr="00245E8B" w14:paraId="437ADFEC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DE4A179" w14:textId="5BED3960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3" w:name="ind_control_items_control_item_nameX11_3"/>
            <w:bookmarkEnd w:id="363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71388FA" w14:textId="36BEED25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4" w:name="ind_control_items_control_item_nameX11_4"/>
            <w:bookmarkEnd w:id="364"/>
            <w:r>
              <w:rPr>
                <w:rFonts w:ascii="Arial" w:hAnsi="Arial" w:cs="Arial"/>
                <w:sz w:val="20"/>
                <w:szCs w:val="20"/>
              </w:rPr>
              <w:t>Begrænset drikkevandsinteresse</w:t>
            </w:r>
          </w:p>
        </w:tc>
      </w:tr>
      <w:tr w:rsidR="00CE4164" w:rsidRPr="00245E8B" w14:paraId="46AB0E00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964CFCF" w14:textId="2B44F396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5" w:name="ind_control_items_control_item_nameX11_5"/>
            <w:bookmarkEnd w:id="365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B84F4AA" w14:textId="0F419650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6" w:name="ind_control_items_control_item_nameX11_6"/>
            <w:bookmarkEnd w:id="366"/>
            <w:r>
              <w:rPr>
                <w:rFonts w:ascii="Arial" w:hAnsi="Arial" w:cs="Arial"/>
                <w:sz w:val="20"/>
                <w:szCs w:val="20"/>
              </w:rPr>
              <w:t xml:space="preserve">Intet at bemærke </w:t>
            </w:r>
          </w:p>
        </w:tc>
      </w:tr>
      <w:tr w:rsidR="00CE4164" w:rsidRPr="00245E8B" w14:paraId="61308BD5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9E5AEAE" w14:textId="1E71631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7" w:name="ind_control_items_control_item_nameX11_7"/>
            <w:bookmarkEnd w:id="367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33ADFCC" w14:textId="7777777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8" w:name="ind_control_items_control_item_nameX11_8"/>
            <w:bookmarkEnd w:id="368"/>
            <w:r>
              <w:rPr>
                <w:rFonts w:ascii="Arial" w:hAnsi="Arial" w:cs="Arial"/>
                <w:sz w:val="20"/>
                <w:szCs w:val="20"/>
              </w:rPr>
              <w:t>Lokalplanlagt 12-007</w:t>
            </w:r>
          </w:p>
          <w:p w14:paraId="4B6AF472" w14:textId="14A86450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ommuneplan 2.4.I1 (industriområde)</w:t>
            </w:r>
          </w:p>
        </w:tc>
      </w:tr>
      <w:tr w:rsidR="00CE4164" w:rsidRPr="00245E8B" w14:paraId="22360342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619C18D" w14:textId="0D27B80C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9" w:name="ind_control_items_control_item_nameX11_9"/>
            <w:bookmarkEnd w:id="369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52331B0" w14:textId="47CC5942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ejling af dieselolietanken - se kontrolpunkt vedr. olietanke.</w:t>
            </w:r>
          </w:p>
        </w:tc>
      </w:tr>
      <w:tr w:rsidR="00CE4164" w:rsidRPr="00245E8B" w14:paraId="4F184537" w14:textId="77777777" w:rsidTr="00CE4164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DD616A3" w14:textId="712428F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92F1A7E" w14:textId="134491B5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Lokaliserin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uafklaring</w:t>
            </w:r>
            <w:proofErr w:type="spellEnd"/>
          </w:p>
        </w:tc>
      </w:tr>
      <w:tr w:rsidR="00CE4164" w:rsidRPr="00245E8B" w14:paraId="1CC92511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BC7CEE1" w14:textId="6B9FAE7A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B587D3B" w14:textId="67F56C17" w:rsidR="00CE4164" w:rsidRDefault="00CE4164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0" w:name="ind_control_items_control_item_nameX11_1"/>
            <w:bookmarkEnd w:id="370"/>
            <w:r>
              <w:rPr>
                <w:rFonts w:ascii="Arial" w:hAnsi="Arial" w:cs="Arial"/>
                <w:sz w:val="20"/>
                <w:szCs w:val="20"/>
              </w:rPr>
              <w:t xml:space="preserve">Intet at bemærke. </w:t>
            </w: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2343611">
    <w:abstractNumId w:val="11"/>
  </w:num>
  <w:num w:numId="2" w16cid:durableId="225533514">
    <w:abstractNumId w:val="8"/>
  </w:num>
  <w:num w:numId="3" w16cid:durableId="451098030">
    <w:abstractNumId w:val="10"/>
  </w:num>
  <w:num w:numId="4" w16cid:durableId="201524589">
    <w:abstractNumId w:val="9"/>
  </w:num>
  <w:num w:numId="5" w16cid:durableId="1158961346">
    <w:abstractNumId w:val="7"/>
  </w:num>
  <w:num w:numId="6" w16cid:durableId="897856654">
    <w:abstractNumId w:val="6"/>
  </w:num>
  <w:num w:numId="7" w16cid:durableId="1239828579">
    <w:abstractNumId w:val="5"/>
  </w:num>
  <w:num w:numId="8" w16cid:durableId="25299186">
    <w:abstractNumId w:val="4"/>
  </w:num>
  <w:num w:numId="9" w16cid:durableId="934242514">
    <w:abstractNumId w:val="3"/>
  </w:num>
  <w:num w:numId="10" w16cid:durableId="19861078">
    <w:abstractNumId w:val="2"/>
  </w:num>
  <w:num w:numId="11" w16cid:durableId="214126492">
    <w:abstractNumId w:val="1"/>
  </w:num>
  <w:num w:numId="12" w16cid:durableId="1707556867">
    <w:abstractNumId w:val="0"/>
  </w:num>
  <w:num w:numId="13" w16cid:durableId="297997875">
    <w:abstractNumId w:val="10"/>
  </w:num>
  <w:num w:numId="14" w16cid:durableId="1859805523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3489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23CE"/>
    <w:rsid w:val="0047623B"/>
    <w:rsid w:val="00476F00"/>
    <w:rsid w:val="004817FD"/>
    <w:rsid w:val="00481C0E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96FD6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1EAA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164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159C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3489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7</Pages>
  <Words>1194</Words>
  <Characters>8266</Characters>
  <Application>Microsoft Office Word</Application>
  <DocSecurity>0</DocSecurity>
  <Lines>826</Lines>
  <Paragraphs>411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904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Pia Mathiasen</cp:lastModifiedBy>
  <cp:revision>2</cp:revision>
  <cp:lastPrinted>2010-03-04T09:12:00Z</cp:lastPrinted>
  <dcterms:created xsi:type="dcterms:W3CDTF">2025-06-02T05:34:00Z</dcterms:created>
  <dcterms:modified xsi:type="dcterms:W3CDTF">2025-06-02T05:34:00Z</dcterms:modified>
</cp:coreProperties>
</file>